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613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40038\AppData\Local\Microsoft\Windows\INetCache\Content.Outlook\B31A46US\"/>
    </mc:Choice>
  </mc:AlternateContent>
  <xr:revisionPtr revIDLastSave="0" documentId="13_ncr:1_{2980E65E-A75D-4F41-9DE7-094DBCFC21BF}" xr6:coauthVersionLast="47" xr6:coauthVersionMax="47" xr10:uidLastSave="{00000000-0000-0000-0000-000000000000}"/>
  <bookViews>
    <workbookView xWindow="-110" yWindow="-110" windowWidth="19420" windowHeight="10420" xr2:uid="{00000000-000D-0000-FFFF-FFFF00000000}"/>
  </bookViews>
  <sheets>
    <sheet name="Filings by State" sheetId="1" r:id="rId1"/>
    <sheet name="Filings by District" sheetId="2" r:id="rId2"/>
    <sheet name="Commercial Filings by District" sheetId="4" r:id="rId3"/>
    <sheet name="Definition" sheetId="5" r:id="rId4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416" uniqueCount="203">
  <si>
    <t>Jan</t>
  </si>
  <si>
    <t>Feb</t>
  </si>
  <si>
    <t>Mar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State
(including D.C. and Territories)</t>
  </si>
  <si>
    <t>Alabama</t>
  </si>
  <si>
    <t>Alaska</t>
  </si>
  <si>
    <t>Arizona</t>
  </si>
  <si>
    <t>Arkansas</t>
  </si>
  <si>
    <t>California</t>
  </si>
  <si>
    <t>Colorado</t>
  </si>
  <si>
    <t>Connecticut</t>
  </si>
  <si>
    <t>Delaware</t>
  </si>
  <si>
    <t>District of Columbia</t>
  </si>
  <si>
    <t>Florida</t>
  </si>
  <si>
    <t>Georgia</t>
  </si>
  <si>
    <t>Hawaii</t>
  </si>
  <si>
    <t>Idaho</t>
  </si>
  <si>
    <t>Illinois</t>
  </si>
  <si>
    <t>Indiana</t>
  </si>
  <si>
    <t>Iowa</t>
  </si>
  <si>
    <t>Kansas</t>
  </si>
  <si>
    <t>Kentucky</t>
  </si>
  <si>
    <t>Louisiana</t>
  </si>
  <si>
    <t>Maine</t>
  </si>
  <si>
    <t>Maryland</t>
  </si>
  <si>
    <t>Massachusetts</t>
  </si>
  <si>
    <t>Michigan</t>
  </si>
  <si>
    <t>Minnesota</t>
  </si>
  <si>
    <t>Mississippi</t>
  </si>
  <si>
    <t>Missouri</t>
  </si>
  <si>
    <t>Montana</t>
  </si>
  <si>
    <t>Nebraska</t>
  </si>
  <si>
    <t>Nevada</t>
  </si>
  <si>
    <t>New Hampshire</t>
  </si>
  <si>
    <t>New Jersey</t>
  </si>
  <si>
    <t>New Mexico</t>
  </si>
  <si>
    <t>New York</t>
  </si>
  <si>
    <t>North Carolina</t>
  </si>
  <si>
    <t>North Dakota</t>
  </si>
  <si>
    <t>Ohio</t>
  </si>
  <si>
    <t>Oklahoma</t>
  </si>
  <si>
    <t>Oregon</t>
  </si>
  <si>
    <t>Pennsylvania</t>
  </si>
  <si>
    <t>Rhode Island</t>
  </si>
  <si>
    <t>South Carolina</t>
  </si>
  <si>
    <t>South Dakota</t>
  </si>
  <si>
    <t>Tennessee</t>
  </si>
  <si>
    <t>Texas</t>
  </si>
  <si>
    <t>Utah</t>
  </si>
  <si>
    <t>Vermont</t>
  </si>
  <si>
    <t>Virginia</t>
  </si>
  <si>
    <t>Washington</t>
  </si>
  <si>
    <t>West Virginia</t>
  </si>
  <si>
    <t>Wisconsin</t>
  </si>
  <si>
    <t>Wyoming</t>
  </si>
  <si>
    <t xml:space="preserve">Total States and DC </t>
  </si>
  <si>
    <t>Puerto Rico</t>
  </si>
  <si>
    <t>Total</t>
  </si>
  <si>
    <t>TOTAL</t>
  </si>
  <si>
    <t>Filing Days in Month</t>
  </si>
  <si>
    <t>Average filings per filing day</t>
  </si>
  <si>
    <t>Definitions:</t>
  </si>
  <si>
    <t>Statistics are reported by collection date</t>
  </si>
  <si>
    <t>Court Districts
(including D.C. and Territories)</t>
  </si>
  <si>
    <t>Chapter Ratio</t>
  </si>
  <si>
    <t xml:space="preserve">Ch 7 </t>
  </si>
  <si>
    <t xml:space="preserve">Ch 11 </t>
  </si>
  <si>
    <t>Ch 13</t>
  </si>
  <si>
    <t>Alaska, Main</t>
  </si>
  <si>
    <t>Alabama, Middle</t>
  </si>
  <si>
    <t>Alabama, Northern</t>
  </si>
  <si>
    <t>Alabama, Southern</t>
  </si>
  <si>
    <t>Arkansas, Eastern</t>
  </si>
  <si>
    <t>Arkansas, Western</t>
  </si>
  <si>
    <t>Arizona, Main</t>
  </si>
  <si>
    <t>California, Central</t>
  </si>
  <si>
    <t>California, Eastern</t>
  </si>
  <si>
    <t>California, Northern</t>
  </si>
  <si>
    <t>California, Southern</t>
  </si>
  <si>
    <t>Colorado, Main</t>
  </si>
  <si>
    <t>Connecticut, Main</t>
  </si>
  <si>
    <t>DC, Main</t>
  </si>
  <si>
    <t>Delaware, Main</t>
  </si>
  <si>
    <t>Florida, Middle</t>
  </si>
  <si>
    <t>Florida, Northern</t>
  </si>
  <si>
    <t>Florida, Southern</t>
  </si>
  <si>
    <t>Georgia, Middle</t>
  </si>
  <si>
    <t>Georgia, Northern</t>
  </si>
  <si>
    <t>Georgia, Southern</t>
  </si>
  <si>
    <t>Guam, Main</t>
  </si>
  <si>
    <t>Hawaii, Main</t>
  </si>
  <si>
    <t>Iowa, Northern</t>
  </si>
  <si>
    <t>Iowa, Southern</t>
  </si>
  <si>
    <t>Idaho, Main</t>
  </si>
  <si>
    <t>Illinois, Central</t>
  </si>
  <si>
    <t>Illinois, Northern</t>
  </si>
  <si>
    <t>Illinois, Southern</t>
  </si>
  <si>
    <t>Indiana, Northern</t>
  </si>
  <si>
    <t>Indiana, Southern</t>
  </si>
  <si>
    <t>Kansas, Main</t>
  </si>
  <si>
    <t>Kentucky, Eastern</t>
  </si>
  <si>
    <t>Kentucky, Western</t>
  </si>
  <si>
    <t>Louisiana, Eastern</t>
  </si>
  <si>
    <t>Louisiana, Middle</t>
  </si>
  <si>
    <t>Louisiana, Western</t>
  </si>
  <si>
    <t>Massachusetts, Main</t>
  </si>
  <si>
    <t>Maryland, Main</t>
  </si>
  <si>
    <t>Maine, Main</t>
  </si>
  <si>
    <t>Michigan, Eastern</t>
  </si>
  <si>
    <t>Michigan, Western</t>
  </si>
  <si>
    <t>Minnesota, Main</t>
  </si>
  <si>
    <t>Missouri, Eastern</t>
  </si>
  <si>
    <t>Missouri, Western</t>
  </si>
  <si>
    <t>Mississippi, Northern</t>
  </si>
  <si>
    <t>Mississippi, Southern</t>
  </si>
  <si>
    <t>Montana, Main</t>
  </si>
  <si>
    <t>North Carolina, Eastern</t>
  </si>
  <si>
    <t>North Carolina, Middle</t>
  </si>
  <si>
    <t>North Carolina, Western</t>
  </si>
  <si>
    <t>North Dakota, Main</t>
  </si>
  <si>
    <t>Nebraska, Main</t>
  </si>
  <si>
    <t>New Hampshire, Main</t>
  </si>
  <si>
    <t>New Jersey, Main</t>
  </si>
  <si>
    <t>New Mexico, Main</t>
  </si>
  <si>
    <t>Nevada, Main</t>
  </si>
  <si>
    <t>New York, Eastern</t>
  </si>
  <si>
    <t>New York, Northern</t>
  </si>
  <si>
    <t>New York, Southern</t>
  </si>
  <si>
    <t>New York, Western</t>
  </si>
  <si>
    <t>Ohio, Northern</t>
  </si>
  <si>
    <t>Ohio, Southern</t>
  </si>
  <si>
    <t>Oklahoma, Eastern</t>
  </si>
  <si>
    <t>Oklahoma, Northern</t>
  </si>
  <si>
    <t>Oklahoma, Western</t>
  </si>
  <si>
    <t>Oregon, Main</t>
  </si>
  <si>
    <t>Pennsylvania, Eastern</t>
  </si>
  <si>
    <t>Pennsylvania, Middle</t>
  </si>
  <si>
    <t>Pennsylvania, Western</t>
  </si>
  <si>
    <t>Puerto Rico, Main</t>
  </si>
  <si>
    <t>Rhode Island, Main</t>
  </si>
  <si>
    <t>South Carolina, Main</t>
  </si>
  <si>
    <t>South Dakota, Main</t>
  </si>
  <si>
    <t>Tennessee, Eastern</t>
  </si>
  <si>
    <t>Tennessee, Middle</t>
  </si>
  <si>
    <t>Tennessee, Western</t>
  </si>
  <si>
    <t>Texas, Eastern</t>
  </si>
  <si>
    <t>Texas, Northern</t>
  </si>
  <si>
    <t>Texas, Southern</t>
  </si>
  <si>
    <t>Texas, Western</t>
  </si>
  <si>
    <t>Utah, Main</t>
  </si>
  <si>
    <t>Virginia, Eastern</t>
  </si>
  <si>
    <t>Virginia, Western</t>
  </si>
  <si>
    <t>Virgin Islands, Main</t>
  </si>
  <si>
    <t>Vermont, Main</t>
  </si>
  <si>
    <t>Washington, Eastern</t>
  </si>
  <si>
    <t>Washington, Western</t>
  </si>
  <si>
    <t>Wisconsin, Eastern</t>
  </si>
  <si>
    <t>Wisconsin, Western</t>
  </si>
  <si>
    <t>West Virginia, Northern</t>
  </si>
  <si>
    <t>West Virginia, Southern</t>
  </si>
  <si>
    <t>Wyoming, Main</t>
  </si>
  <si>
    <t xml:space="preserve">Other Chapters </t>
  </si>
  <si>
    <t>Other Chapters</t>
  </si>
  <si>
    <t>Ch 7</t>
  </si>
  <si>
    <t>Ch 11</t>
  </si>
  <si>
    <t>Ch 12</t>
  </si>
  <si>
    <t>Total Filings By Chapter</t>
  </si>
  <si>
    <t>* If a bankruptcy filing contains both a SSN and a Federal Tax ID, the filing is categorized based on the type of debt noted on the bankruptcy petition</t>
  </si>
  <si>
    <r>
      <rPr>
        <b/>
        <i/>
        <sz val="11"/>
        <color theme="1"/>
        <rFont val="Calibri"/>
        <family val="2"/>
        <scheme val="minor"/>
      </rPr>
      <t>Consumer</t>
    </r>
    <r>
      <rPr>
        <b/>
        <sz val="11"/>
        <color theme="1"/>
        <rFont val="Calibri"/>
        <family val="2"/>
        <scheme val="minor"/>
      </rPr>
      <t>: Bankruptcy cases filed with an SSN*</t>
    </r>
  </si>
  <si>
    <r>
      <rPr>
        <b/>
        <i/>
        <sz val="11"/>
        <color theme="1"/>
        <rFont val="Calibri"/>
        <family val="2"/>
        <scheme val="minor"/>
      </rPr>
      <t>Commercial:</t>
    </r>
    <r>
      <rPr>
        <b/>
        <sz val="11"/>
        <color theme="1"/>
        <rFont val="Calibri"/>
        <family val="2"/>
        <scheme val="minor"/>
      </rPr>
      <t xml:space="preserve"> Bankruptcy cases filed with a Federal Tax ID*</t>
    </r>
  </si>
  <si>
    <t>Households are based on latest U.S. Census estimates available.</t>
  </si>
  <si>
    <t xml:space="preserve">% Growth in Total Filings </t>
  </si>
  <si>
    <t xml:space="preserve">Ch 12 </t>
  </si>
  <si>
    <t>Rank</t>
  </si>
  <si>
    <t>Guam and Virgin Islands</t>
  </si>
  <si>
    <t>Household Per Total Filings</t>
  </si>
  <si>
    <t>Other</t>
  </si>
  <si>
    <r>
      <t xml:space="preserve">All Filings </t>
    </r>
    <r>
      <rPr>
        <sz val="12"/>
        <color theme="0"/>
        <rFont val="Calibri"/>
        <family val="2"/>
        <scheme val="minor"/>
      </rPr>
      <t>(YTD)</t>
    </r>
  </si>
  <si>
    <t>Cumulative 2023 Total Filings</t>
  </si>
  <si>
    <t>YTD 2023 vs. YTD 2022</t>
  </si>
  <si>
    <t>2023 By Month</t>
  </si>
  <si>
    <t>% YTD Increase 2023 over 2022</t>
  </si>
  <si>
    <t>Filings By Household (2022)</t>
  </si>
  <si>
    <t>Cumulative 2024 Total Filings</t>
  </si>
  <si>
    <t>YTD 2024 vs. YTD 2023</t>
  </si>
  <si>
    <t>2024 By Month</t>
  </si>
  <si>
    <t>% YTD Increase 2024 over 2023</t>
  </si>
  <si>
    <t>N/A</t>
  </si>
  <si>
    <t/>
  </si>
  <si>
    <t>February 2024 vs. February 2023</t>
  </si>
  <si>
    <t>February 2023 vs. February 2022</t>
  </si>
  <si>
    <t>Consumer (February- YTD)</t>
  </si>
  <si>
    <t>Commercial (February - YTD)</t>
  </si>
  <si>
    <t xml:space="preserve">     N/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43" formatCode="_(* #,##0.00_);_(* \(#,##0.00\);_(* &quot;-&quot;??_);_(@_)"/>
    <numFmt numFmtId="164" formatCode="_ * #,##0.00_ ;_ * \-#,##0.00_ ;_ * &quot;-&quot;??_ ;_ @_ "/>
    <numFmt numFmtId="165" formatCode="0.0%"/>
  </numFmts>
  <fonts count="22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1"/>
      <color indexed="8"/>
      <name val="Helvetica Neue"/>
    </font>
    <font>
      <sz val="11"/>
      <color indexed="9"/>
      <name val="Helvetica Neue"/>
    </font>
    <font>
      <sz val="10"/>
      <name val="Arial"/>
      <family val="2"/>
    </font>
    <font>
      <sz val="12"/>
      <color theme="1"/>
      <name val="Calibri"/>
      <family val="2"/>
      <scheme val="minor"/>
    </font>
    <font>
      <sz val="28"/>
      <name val="Albertus MT Lt"/>
      <family val="1"/>
    </font>
    <font>
      <sz val="10"/>
      <color theme="0"/>
      <name val="Calibri"/>
      <family val="2"/>
      <scheme val="minor"/>
    </font>
    <font>
      <b/>
      <sz val="10"/>
      <color theme="0"/>
      <name val="Calibri"/>
      <family val="2"/>
      <scheme val="minor"/>
    </font>
    <font>
      <b/>
      <sz val="12"/>
      <color theme="0"/>
      <name val="Calibri"/>
      <family val="2"/>
      <scheme val="minor"/>
    </font>
    <font>
      <b/>
      <i/>
      <sz val="10"/>
      <color theme="0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sz val="10"/>
      <color theme="0"/>
      <name val="Arial"/>
      <family val="2"/>
    </font>
    <font>
      <i/>
      <sz val="9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2"/>
      <color theme="0"/>
      <name val="Calibri"/>
      <family val="2"/>
      <scheme val="minor"/>
    </font>
    <font>
      <sz val="11"/>
      <color theme="0"/>
      <name val="Calibri"/>
      <family val="2"/>
      <scheme val="minor"/>
    </font>
    <font>
      <sz val="11"/>
      <name val="Calibri"/>
      <family val="2"/>
      <scheme val="minor"/>
    </font>
    <font>
      <sz val="28"/>
      <color rgb="FF3A3A3C"/>
      <name val="Albertus MT Lt"/>
      <family val="1"/>
    </font>
    <font>
      <b/>
      <sz val="20"/>
      <color rgb="FF3A3A3C"/>
      <name val="Calibri"/>
      <family val="2"/>
      <scheme val="minor"/>
    </font>
    <font>
      <sz val="12"/>
      <name val="Arial"/>
      <family val="2"/>
    </font>
  </fonts>
  <fills count="9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  <fill>
      <patternFill patternType="solid">
        <fgColor theme="8" tint="-0.249977111117893"/>
        <bgColor indexed="64"/>
      </patternFill>
    </fill>
    <fill>
      <patternFill patternType="solid">
        <fgColor theme="8" tint="-0.499984740745262"/>
        <bgColor indexed="64"/>
      </patternFill>
    </fill>
    <fill>
      <patternFill patternType="solid">
        <fgColor rgb="FF008080"/>
        <bgColor indexed="64"/>
      </patternFill>
    </fill>
    <fill>
      <patternFill patternType="solid">
        <fgColor rgb="FF215867"/>
        <bgColor indexed="64"/>
      </patternFill>
    </fill>
    <fill>
      <patternFill patternType="solid">
        <fgColor theme="1"/>
        <bgColor indexed="64"/>
      </patternFill>
    </fill>
  </fills>
  <borders count="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/>
      <bottom/>
      <diagonal/>
    </border>
  </borders>
  <cellStyleXfs count="28">
    <xf numFmtId="0" fontId="0" fillId="0" borderId="0"/>
    <xf numFmtId="43" fontId="3" fillId="0" borderId="0" applyFont="0" applyFill="0" applyBorder="0" applyAlignment="0" applyProtection="0"/>
    <xf numFmtId="0" fontId="2" fillId="0" borderId="0" applyNumberFormat="0" applyFill="0" applyBorder="0" applyProtection="0">
      <alignment vertical="top"/>
    </xf>
    <xf numFmtId="0" fontId="4" fillId="0" borderId="0"/>
    <xf numFmtId="9" fontId="4" fillId="0" borderId="0" applyFont="0" applyFill="0" applyBorder="0" applyAlignment="0" applyProtection="0"/>
    <xf numFmtId="0" fontId="5" fillId="0" borderId="0"/>
    <xf numFmtId="0" fontId="1" fillId="0" borderId="0"/>
    <xf numFmtId="0" fontId="4" fillId="0" borderId="0"/>
    <xf numFmtId="43" fontId="4" fillId="0" borderId="0" applyFont="0" applyFill="0" applyBorder="0" applyAlignment="0" applyProtection="0"/>
    <xf numFmtId="43" fontId="4" fillId="0" borderId="0" applyFont="0" applyFill="0" applyBorder="0" applyAlignment="0" applyProtection="0"/>
    <xf numFmtId="0" fontId="4" fillId="0" borderId="0"/>
    <xf numFmtId="0" fontId="1" fillId="0" borderId="0"/>
    <xf numFmtId="0" fontId="1" fillId="0" borderId="0"/>
    <xf numFmtId="0" fontId="5" fillId="0" borderId="0"/>
    <xf numFmtId="0" fontId="1" fillId="0" borderId="0"/>
    <xf numFmtId="0" fontId="1" fillId="0" borderId="0"/>
    <xf numFmtId="0" fontId="4" fillId="0" borderId="0"/>
    <xf numFmtId="9" fontId="4" fillId="0" borderId="0" applyFont="0" applyFill="0" applyBorder="0" applyAlignment="0" applyProtection="0"/>
    <xf numFmtId="0" fontId="4" fillId="0" borderId="0"/>
    <xf numFmtId="9" fontId="1" fillId="0" borderId="0" applyFont="0" applyFill="0" applyBorder="0" applyAlignment="0" applyProtection="0"/>
    <xf numFmtId="164" fontId="3" fillId="0" borderId="0" applyFont="0" applyFill="0" applyBorder="0" applyAlignment="0" applyProtection="0"/>
    <xf numFmtId="164" fontId="4" fillId="0" borderId="0" applyFont="0" applyFill="0" applyBorder="0" applyAlignment="0" applyProtection="0"/>
    <xf numFmtId="164" fontId="4" fillId="0" borderId="0" applyFont="0" applyFill="0" applyBorder="0" applyAlignment="0" applyProtection="0"/>
    <xf numFmtId="164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0" fontId="21" fillId="0" borderId="0"/>
    <xf numFmtId="0" fontId="1" fillId="0" borderId="0"/>
    <xf numFmtId="9" fontId="21" fillId="0" borderId="0" applyFont="0" applyFill="0" applyBorder="0" applyAlignment="0" applyProtection="0"/>
  </cellStyleXfs>
  <cellXfs count="60">
    <xf numFmtId="0" fontId="0" fillId="0" borderId="0" xfId="0"/>
    <xf numFmtId="0" fontId="7" fillId="4" borderId="0" xfId="0" applyFont="1" applyFill="1" applyAlignment="1">
      <alignment horizontal="center" vertical="center"/>
    </xf>
    <xf numFmtId="0" fontId="7" fillId="4" borderId="0" xfId="0" applyFont="1" applyFill="1" applyAlignment="1">
      <alignment horizontal="center" vertical="center" wrapText="1"/>
    </xf>
    <xf numFmtId="0" fontId="9" fillId="5" borderId="0" xfId="2" applyNumberFormat="1" applyFont="1" applyFill="1" applyBorder="1" applyAlignment="1">
      <alignment vertical="center" wrapText="1"/>
    </xf>
    <xf numFmtId="0" fontId="0" fillId="2" borderId="0" xfId="0" applyFill="1" applyAlignment="1">
      <alignment wrapText="1"/>
    </xf>
    <xf numFmtId="0" fontId="11" fillId="2" borderId="0" xfId="0" applyFont="1" applyFill="1" applyAlignment="1">
      <alignment vertical="center" wrapText="1"/>
    </xf>
    <xf numFmtId="0" fontId="11" fillId="2" borderId="0" xfId="0" applyFont="1" applyFill="1"/>
    <xf numFmtId="0" fontId="0" fillId="5" borderId="0" xfId="0" applyFill="1"/>
    <xf numFmtId="0" fontId="6" fillId="0" borderId="0" xfId="0" applyFont="1"/>
    <xf numFmtId="0" fontId="4" fillId="5" borderId="0" xfId="2" applyNumberFormat="1" applyFont="1" applyFill="1" applyBorder="1" applyAlignment="1">
      <alignment vertical="center"/>
    </xf>
    <xf numFmtId="0" fontId="0" fillId="6" borderId="0" xfId="0" applyFill="1"/>
    <xf numFmtId="0" fontId="12" fillId="6" borderId="0" xfId="2" applyNumberFormat="1" applyFont="1" applyFill="1" applyBorder="1" applyAlignment="1">
      <alignment vertical="center"/>
    </xf>
    <xf numFmtId="0" fontId="8" fillId="5" borderId="0" xfId="0" applyFont="1" applyFill="1" applyAlignment="1">
      <alignment horizontal="center" vertical="center" wrapText="1"/>
    </xf>
    <xf numFmtId="0" fontId="10" fillId="5" borderId="0" xfId="0" applyFont="1" applyFill="1" applyAlignment="1">
      <alignment horizontal="center" vertical="center" wrapText="1"/>
    </xf>
    <xf numFmtId="0" fontId="13" fillId="2" borderId="0" xfId="0" applyFont="1" applyFill="1" applyAlignment="1">
      <alignment horizontal="left" wrapText="1"/>
    </xf>
    <xf numFmtId="0" fontId="0" fillId="2" borderId="0" xfId="0" applyFill="1"/>
    <xf numFmtId="0" fontId="18" fillId="3" borderId="0" xfId="2" applyNumberFormat="1" applyFont="1" applyFill="1" applyBorder="1" applyAlignment="1">
      <alignment vertical="center"/>
    </xf>
    <xf numFmtId="0" fontId="18" fillId="0" borderId="0" xfId="2" applyNumberFormat="1" applyFont="1" applyFill="1" applyBorder="1" applyAlignment="1">
      <alignment vertical="center"/>
    </xf>
    <xf numFmtId="0" fontId="18" fillId="5" borderId="0" xfId="2" applyNumberFormat="1" applyFont="1" applyFill="1" applyBorder="1" applyAlignment="1">
      <alignment vertical="center"/>
    </xf>
    <xf numFmtId="0" fontId="15" fillId="6" borderId="0" xfId="2" applyNumberFormat="1" applyFont="1" applyFill="1" applyBorder="1" applyAlignment="1">
      <alignment vertical="center"/>
    </xf>
    <xf numFmtId="0" fontId="1" fillId="3" borderId="0" xfId="3" applyFont="1" applyFill="1" applyAlignment="1">
      <alignment horizontal="left" wrapText="1"/>
    </xf>
    <xf numFmtId="0" fontId="1" fillId="2" borderId="0" xfId="3" applyFont="1" applyFill="1" applyAlignment="1">
      <alignment horizontal="left" wrapText="1"/>
    </xf>
    <xf numFmtId="0" fontId="6" fillId="2" borderId="0" xfId="0" applyFont="1" applyFill="1"/>
    <xf numFmtId="0" fontId="19" fillId="2" borderId="0" xfId="0" applyFont="1" applyFill="1"/>
    <xf numFmtId="0" fontId="0" fillId="3" borderId="0" xfId="0" applyFill="1"/>
    <xf numFmtId="3" fontId="0" fillId="3" borderId="0" xfId="0" applyNumberFormat="1" applyFill="1"/>
    <xf numFmtId="3" fontId="0" fillId="2" borderId="0" xfId="0" applyNumberFormat="1" applyFill="1"/>
    <xf numFmtId="0" fontId="0" fillId="8" borderId="0" xfId="0" applyFill="1"/>
    <xf numFmtId="165" fontId="0" fillId="3" borderId="0" xfId="19" applyNumberFormat="1" applyFont="1" applyFill="1"/>
    <xf numFmtId="165" fontId="0" fillId="2" borderId="0" xfId="19" applyNumberFormat="1" applyFont="1" applyFill="1"/>
    <xf numFmtId="3" fontId="0" fillId="3" borderId="0" xfId="23" applyNumberFormat="1" applyFont="1" applyFill="1"/>
    <xf numFmtId="3" fontId="0" fillId="2" borderId="0" xfId="23" applyNumberFormat="1" applyFont="1" applyFill="1"/>
    <xf numFmtId="1" fontId="0" fillId="3" borderId="0" xfId="19" applyNumberFormat="1" applyFont="1" applyFill="1"/>
    <xf numFmtId="1" fontId="0" fillId="2" borderId="0" xfId="19" applyNumberFormat="1" applyFont="1" applyFill="1"/>
    <xf numFmtId="1" fontId="0" fillId="2" borderId="0" xfId="0" applyNumberFormat="1" applyFill="1"/>
    <xf numFmtId="0" fontId="17" fillId="6" borderId="0" xfId="0" applyFont="1" applyFill="1"/>
    <xf numFmtId="1" fontId="17" fillId="6" borderId="0" xfId="0" applyNumberFormat="1" applyFont="1" applyFill="1"/>
    <xf numFmtId="165" fontId="0" fillId="2" borderId="0" xfId="0" applyNumberFormat="1" applyFill="1"/>
    <xf numFmtId="0" fontId="18" fillId="3" borderId="2" xfId="2" applyNumberFormat="1" applyFont="1" applyFill="1" applyBorder="1" applyAlignment="1">
      <alignment vertical="center"/>
    </xf>
    <xf numFmtId="0" fontId="18" fillId="0" borderId="2" xfId="2" applyNumberFormat="1" applyFont="1" applyFill="1" applyBorder="1" applyAlignment="1">
      <alignment vertical="center"/>
    </xf>
    <xf numFmtId="165" fontId="0" fillId="3" borderId="0" xfId="19" applyNumberFormat="1" applyFont="1" applyFill="1" applyAlignment="1"/>
    <xf numFmtId="165" fontId="0" fillId="3" borderId="0" xfId="19" applyNumberFormat="1" applyFont="1" applyFill="1" applyAlignment="1">
      <alignment horizontal="center" vertical="center"/>
    </xf>
    <xf numFmtId="165" fontId="0" fillId="2" borderId="0" xfId="19" applyNumberFormat="1" applyFont="1" applyFill="1" applyAlignment="1">
      <alignment horizontal="center" vertical="center"/>
    </xf>
    <xf numFmtId="0" fontId="0" fillId="2" borderId="0" xfId="19" applyNumberFormat="1" applyFont="1" applyFill="1" applyAlignment="1">
      <alignment horizontal="center" vertical="center"/>
    </xf>
    <xf numFmtId="165" fontId="0" fillId="2" borderId="0" xfId="0" applyNumberFormat="1" applyFill="1" applyAlignment="1">
      <alignment horizontal="center" vertical="center"/>
    </xf>
    <xf numFmtId="0" fontId="0" fillId="5" borderId="0" xfId="0" applyFill="1" applyAlignment="1">
      <alignment horizontal="center" vertical="center"/>
    </xf>
    <xf numFmtId="0" fontId="0" fillId="6" borderId="0" xfId="0" applyFill="1" applyAlignment="1">
      <alignment horizontal="center" vertical="center"/>
    </xf>
    <xf numFmtId="0" fontId="0" fillId="0" borderId="0" xfId="0" applyAlignment="1">
      <alignment horizontal="center" vertical="center"/>
    </xf>
    <xf numFmtId="0" fontId="20" fillId="2" borderId="0" xfId="0" applyFont="1" applyFill="1" applyAlignment="1">
      <alignment horizontal="center" vertical="center"/>
    </xf>
    <xf numFmtId="0" fontId="8" fillId="7" borderId="1" xfId="0" applyFont="1" applyFill="1" applyBorder="1" applyAlignment="1">
      <alignment horizontal="center" vertical="center" wrapText="1"/>
    </xf>
    <xf numFmtId="0" fontId="7" fillId="5" borderId="1" xfId="0" applyFont="1" applyFill="1" applyBorder="1" applyAlignment="1">
      <alignment horizontal="center" vertical="center" wrapText="1"/>
    </xf>
    <xf numFmtId="0" fontId="7" fillId="5" borderId="1" xfId="2" applyNumberFormat="1" applyFont="1" applyFill="1" applyBorder="1" applyAlignment="1">
      <alignment horizontal="center" vertical="center" wrapText="1"/>
    </xf>
    <xf numFmtId="0" fontId="8" fillId="5" borderId="1" xfId="0" applyFont="1" applyFill="1" applyBorder="1" applyAlignment="1">
      <alignment horizontal="center" vertical="center" wrapText="1"/>
    </xf>
    <xf numFmtId="0" fontId="7" fillId="7" borderId="1" xfId="0" applyFont="1" applyFill="1" applyBorder="1" applyAlignment="1">
      <alignment horizontal="center" vertical="center"/>
    </xf>
    <xf numFmtId="0" fontId="15" fillId="5" borderId="1" xfId="2" applyNumberFormat="1" applyFont="1" applyFill="1" applyBorder="1" applyAlignment="1">
      <alignment horizontal="center" vertical="center" wrapText="1"/>
    </xf>
    <xf numFmtId="0" fontId="7" fillId="7" borderId="1" xfId="0" applyFont="1" applyFill="1" applyBorder="1" applyAlignment="1">
      <alignment horizontal="center" vertical="center" wrapText="1"/>
    </xf>
    <xf numFmtId="0" fontId="8" fillId="7" borderId="1" xfId="0" applyFont="1" applyFill="1" applyBorder="1" applyAlignment="1">
      <alignment horizontal="center" vertical="center"/>
    </xf>
    <xf numFmtId="0" fontId="9" fillId="5" borderId="0" xfId="2" applyNumberFormat="1" applyFont="1" applyFill="1" applyBorder="1" applyAlignment="1">
      <alignment horizontal="center" vertical="center" wrapText="1"/>
    </xf>
    <xf numFmtId="0" fontId="9" fillId="5" borderId="0" xfId="0" applyFont="1" applyFill="1" applyAlignment="1">
      <alignment horizontal="center" vertical="center"/>
    </xf>
    <xf numFmtId="0" fontId="9" fillId="5" borderId="0" xfId="0" applyFont="1" applyFill="1" applyAlignment="1">
      <alignment horizontal="center" vertical="center" wrapText="1"/>
    </xf>
  </cellXfs>
  <cellStyles count="28">
    <cellStyle name="Comma 2" xfId="1" xr:uid="{00000000-0005-0000-0000-000001000000}"/>
    <cellStyle name="Comma 2 2" xfId="9" xr:uid="{00000000-0005-0000-0000-000002000000}"/>
    <cellStyle name="Comma 2 2 2" xfId="22" xr:uid="{3B0BFB43-2A44-42A1-A409-EF2B42A621B1}"/>
    <cellStyle name="Comma 2 3" xfId="20" xr:uid="{9E8388EA-EE96-4BEE-A9DB-0CDEAFA92BCC}"/>
    <cellStyle name="Comma 3" xfId="8" xr:uid="{00000000-0005-0000-0000-000003000000}"/>
    <cellStyle name="Comma 3 2" xfId="21" xr:uid="{B478998C-D85A-4962-B81C-16768E2DAAB0}"/>
    <cellStyle name="Comma 4" xfId="23" xr:uid="{9C14C5F8-86F3-45FE-BC47-439B254B0AE1}"/>
    <cellStyle name="Comma 5" xfId="24" xr:uid="{29CC49DB-E313-4D90-A9E9-C9F60F870E18}"/>
    <cellStyle name="Normal" xfId="0" builtinId="0"/>
    <cellStyle name="Normal 2" xfId="2" xr:uid="{00000000-0005-0000-0000-000005000000}"/>
    <cellStyle name="Normal 2 2" xfId="3" xr:uid="{00000000-0005-0000-0000-000006000000}"/>
    <cellStyle name="Normal 2 2 2" xfId="12" xr:uid="{00000000-0005-0000-0000-000007000000}"/>
    <cellStyle name="Normal 2 3" xfId="13" xr:uid="{00000000-0005-0000-0000-000008000000}"/>
    <cellStyle name="Normal 2 3 2" xfId="26" xr:uid="{ED81D8E7-7D77-430B-89E3-CADCA0FAFB80}"/>
    <cellStyle name="Normal 2 4" xfId="11" xr:uid="{00000000-0005-0000-0000-000009000000}"/>
    <cellStyle name="Normal 3" xfId="5" xr:uid="{00000000-0005-0000-0000-00000A000000}"/>
    <cellStyle name="Normal 3 2" xfId="14" xr:uid="{00000000-0005-0000-0000-00000B000000}"/>
    <cellStyle name="Normal 3 3" xfId="25" xr:uid="{B040D74A-4DD8-49C3-AF36-B6D56FB725F5}"/>
    <cellStyle name="Normal 4" xfId="15" xr:uid="{00000000-0005-0000-0000-00000C000000}"/>
    <cellStyle name="Normal 5" xfId="16" xr:uid="{00000000-0005-0000-0000-00000D000000}"/>
    <cellStyle name="Normal 5 2" xfId="18" xr:uid="{00000000-0005-0000-0000-00000E000000}"/>
    <cellStyle name="Normal 6" xfId="7" xr:uid="{00000000-0005-0000-0000-00000F000000}"/>
    <cellStyle name="Normal 7" xfId="10" xr:uid="{00000000-0005-0000-0000-000010000000}"/>
    <cellStyle name="Normal 8" xfId="6" xr:uid="{00000000-0005-0000-0000-000011000000}"/>
    <cellStyle name="Percent" xfId="19" builtinId="5"/>
    <cellStyle name="Percent 2" xfId="4" xr:uid="{00000000-0005-0000-0000-000013000000}"/>
    <cellStyle name="Percent 2 2" xfId="27" xr:uid="{651F295B-1908-471F-A139-34E260619129}"/>
    <cellStyle name="Percent 3" xfId="17" xr:uid="{00000000-0005-0000-0000-000014000000}"/>
  </cellStyles>
  <dxfs count="0"/>
  <tableStyles count="0" defaultTableStyle="TableStyleMedium9" defaultPivotStyle="PivotStyleLight16"/>
  <colors>
    <mruColors>
      <color rgb="FF3A3A3C"/>
      <color rgb="FF269CCC"/>
      <color rgb="FF215867"/>
      <color rgb="FF00808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image" Target="../media/image2.pn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95252</xdr:colOff>
      <xdr:row>0</xdr:row>
      <xdr:rowOff>59532</xdr:rowOff>
    </xdr:from>
    <xdr:to>
      <xdr:col>0</xdr:col>
      <xdr:colOff>1408111</xdr:colOff>
      <xdr:row>0</xdr:row>
      <xdr:rowOff>590390</xdr:rowOff>
    </xdr:to>
    <xdr:pic>
      <xdr:nvPicPr>
        <xdr:cNvPr id="2" name="Picture 1">
          <a:extLst>
            <a:ext uri="{FF2B5EF4-FFF2-40B4-BE49-F238E27FC236}">
              <a16:creationId xmlns:a16="http://schemas.microsoft.com/office/drawing/2014/main" id="{A3682B69-DCAE-46C4-8AD7-A45CF2D765D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95252" y="59532"/>
          <a:ext cx="1309684" cy="523873"/>
        </a:xfrm>
        <a:prstGeom prst="rect">
          <a:avLst/>
        </a:prstGeom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273844</xdr:colOff>
      <xdr:row>0</xdr:row>
      <xdr:rowOff>59530</xdr:rowOff>
    </xdr:from>
    <xdr:to>
      <xdr:col>0</xdr:col>
      <xdr:colOff>1579718</xdr:colOff>
      <xdr:row>0</xdr:row>
      <xdr:rowOff>590388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CF1AD7FE-0E03-449E-9740-F6B3E5F6D4A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73844" y="59530"/>
          <a:ext cx="1309684" cy="523873"/>
        </a:xfrm>
        <a:prstGeom prst="rect">
          <a:avLst/>
        </a:prstGeom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8</xdr:col>
      <xdr:colOff>0</xdr:colOff>
      <xdr:row>0</xdr:row>
      <xdr:rowOff>66676</xdr:rowOff>
    </xdr:from>
    <xdr:to>
      <xdr:col>18</xdr:col>
      <xdr:colOff>1738</xdr:colOff>
      <xdr:row>0</xdr:row>
      <xdr:rowOff>190500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00000000-0008-0000-0200-000004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44900850" y="66676"/>
          <a:ext cx="1738" cy="542924"/>
        </a:xfrm>
        <a:prstGeom prst="rect">
          <a:avLst/>
        </a:prstGeom>
      </xdr:spPr>
    </xdr:pic>
    <xdr:clientData/>
  </xdr:twoCellAnchor>
  <xdr:twoCellAnchor editAs="oneCell">
    <xdr:from>
      <xdr:col>0</xdr:col>
      <xdr:colOff>266700</xdr:colOff>
      <xdr:row>0</xdr:row>
      <xdr:rowOff>57150</xdr:rowOff>
    </xdr:from>
    <xdr:to>
      <xdr:col>0</xdr:col>
      <xdr:colOff>1579559</xdr:colOff>
      <xdr:row>0</xdr:row>
      <xdr:rowOff>587373</xdr:rowOff>
    </xdr:to>
    <xdr:pic>
      <xdr:nvPicPr>
        <xdr:cNvPr id="8" name="Picture 7">
          <a:extLst>
            <a:ext uri="{FF2B5EF4-FFF2-40B4-BE49-F238E27FC236}">
              <a16:creationId xmlns:a16="http://schemas.microsoft.com/office/drawing/2014/main" id="{9EFCCEB5-6D63-4920-BB6D-A566D58F25F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/>
        <a:stretch>
          <a:fillRect/>
        </a:stretch>
      </xdr:blipFill>
      <xdr:spPr>
        <a:xfrm>
          <a:off x="266700" y="57150"/>
          <a:ext cx="1309684" cy="523873"/>
        </a:xfrm>
        <a:prstGeom prst="rect">
          <a:avLst/>
        </a:prstGeom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57150</xdr:colOff>
      <xdr:row>0</xdr:row>
      <xdr:rowOff>47625</xdr:rowOff>
    </xdr:from>
    <xdr:to>
      <xdr:col>1</xdr:col>
      <xdr:colOff>757234</xdr:colOff>
      <xdr:row>0</xdr:row>
      <xdr:rowOff>571498</xdr:rowOff>
    </xdr:to>
    <xdr:pic>
      <xdr:nvPicPr>
        <xdr:cNvPr id="4" name="Picture 3">
          <a:extLst>
            <a:ext uri="{FF2B5EF4-FFF2-40B4-BE49-F238E27FC236}">
              <a16:creationId xmlns:a16="http://schemas.microsoft.com/office/drawing/2014/main" id="{4D258AAF-2B64-4530-BB7F-8EC26B1359D9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57150" y="47625"/>
          <a:ext cx="1309684" cy="523873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3.xm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4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K60"/>
  <sheetViews>
    <sheetView tabSelected="1" zoomScale="80" zoomScaleNormal="80" workbookViewId="0">
      <pane xSplit="1" ySplit="4" topLeftCell="B5" activePane="bottomRight" state="frozen"/>
      <selection activeCell="B19" sqref="B19"/>
      <selection pane="topRight" activeCell="B19" sqref="B19"/>
      <selection pane="bottomLeft" activeCell="B19" sqref="B19"/>
      <selection pane="bottomRight" activeCell="B5" sqref="B5"/>
    </sheetView>
  </sheetViews>
  <sheetFormatPr defaultRowHeight="14.5"/>
  <cols>
    <col min="1" max="1" width="21.81640625" customWidth="1"/>
    <col min="2" max="18" width="10.453125" customWidth="1"/>
    <col min="19" max="19" width="5.7265625" customWidth="1"/>
    <col min="20" max="36" width="10.453125" customWidth="1"/>
  </cols>
  <sheetData>
    <row r="1" spans="1:37" ht="50.15" customHeight="1">
      <c r="A1" s="23"/>
      <c r="B1" s="48">
        <v>2024</v>
      </c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  <c r="R1" s="48"/>
      <c r="S1" s="23"/>
      <c r="T1" s="48">
        <v>2023</v>
      </c>
      <c r="U1" s="48"/>
      <c r="V1" s="48"/>
      <c r="W1" s="48"/>
      <c r="X1" s="48"/>
      <c r="Y1" s="48"/>
      <c r="Z1" s="48"/>
      <c r="AA1" s="48"/>
      <c r="AB1" s="48"/>
      <c r="AC1" s="48"/>
      <c r="AD1" s="48"/>
      <c r="AE1" s="48"/>
      <c r="AF1" s="48"/>
      <c r="AG1" s="48"/>
      <c r="AH1" s="48"/>
      <c r="AI1" s="48"/>
      <c r="AJ1" s="48"/>
      <c r="AK1" s="8"/>
    </row>
    <row r="2" spans="1:37" ht="42.65" customHeight="1">
      <c r="A2" s="54" t="s">
        <v>12</v>
      </c>
      <c r="B2" s="49" t="s">
        <v>192</v>
      </c>
      <c r="C2" s="56" t="s">
        <v>175</v>
      </c>
      <c r="D2" s="56"/>
      <c r="E2" s="56"/>
      <c r="F2" s="56"/>
      <c r="G2" s="56"/>
      <c r="H2" s="52" t="s">
        <v>73</v>
      </c>
      <c r="I2" s="52"/>
      <c r="J2" s="52"/>
      <c r="K2" s="52"/>
      <c r="L2" s="52"/>
      <c r="M2" s="52" t="s">
        <v>198</v>
      </c>
      <c r="N2" s="52"/>
      <c r="O2" s="52" t="s">
        <v>193</v>
      </c>
      <c r="P2" s="52"/>
      <c r="Q2" s="52" t="s">
        <v>191</v>
      </c>
      <c r="R2" s="52"/>
      <c r="S2" s="22"/>
      <c r="T2" s="49" t="s">
        <v>187</v>
      </c>
      <c r="U2" s="56" t="s">
        <v>175</v>
      </c>
      <c r="V2" s="56"/>
      <c r="W2" s="56"/>
      <c r="X2" s="56"/>
      <c r="Y2" s="56"/>
      <c r="Z2" s="52" t="s">
        <v>73</v>
      </c>
      <c r="AA2" s="52"/>
      <c r="AB2" s="52"/>
      <c r="AC2" s="52"/>
      <c r="AD2" s="52"/>
      <c r="AE2" s="52" t="s">
        <v>199</v>
      </c>
      <c r="AF2" s="52"/>
      <c r="AG2" s="52" t="s">
        <v>188</v>
      </c>
      <c r="AH2" s="52"/>
      <c r="AI2" s="52" t="s">
        <v>191</v>
      </c>
      <c r="AJ2" s="52"/>
      <c r="AK2" s="8"/>
    </row>
    <row r="3" spans="1:37" ht="22" customHeight="1">
      <c r="A3" s="54"/>
      <c r="B3" s="49"/>
      <c r="C3" s="53" t="s">
        <v>172</v>
      </c>
      <c r="D3" s="53" t="s">
        <v>173</v>
      </c>
      <c r="E3" s="53" t="s">
        <v>174</v>
      </c>
      <c r="F3" s="53" t="s">
        <v>76</v>
      </c>
      <c r="G3" s="55" t="s">
        <v>171</v>
      </c>
      <c r="H3" s="50" t="s">
        <v>74</v>
      </c>
      <c r="I3" s="50" t="s">
        <v>75</v>
      </c>
      <c r="J3" s="50" t="s">
        <v>174</v>
      </c>
      <c r="K3" s="50" t="s">
        <v>76</v>
      </c>
      <c r="L3" s="50" t="s">
        <v>171</v>
      </c>
      <c r="M3" s="50" t="s">
        <v>180</v>
      </c>
      <c r="N3" s="50" t="s">
        <v>182</v>
      </c>
      <c r="O3" s="50" t="s">
        <v>180</v>
      </c>
      <c r="P3" s="50" t="s">
        <v>182</v>
      </c>
      <c r="Q3" s="51" t="s">
        <v>184</v>
      </c>
      <c r="R3" s="50" t="s">
        <v>182</v>
      </c>
      <c r="S3" s="15"/>
      <c r="T3" s="49"/>
      <c r="U3" s="50" t="s">
        <v>74</v>
      </c>
      <c r="V3" s="50" t="s">
        <v>75</v>
      </c>
      <c r="W3" s="50" t="s">
        <v>181</v>
      </c>
      <c r="X3" s="50" t="s">
        <v>76</v>
      </c>
      <c r="Y3" s="50" t="s">
        <v>185</v>
      </c>
      <c r="Z3" s="50" t="s">
        <v>74</v>
      </c>
      <c r="AA3" s="50" t="s">
        <v>75</v>
      </c>
      <c r="AB3" s="50" t="s">
        <v>181</v>
      </c>
      <c r="AC3" s="50" t="s">
        <v>76</v>
      </c>
      <c r="AD3" s="50" t="s">
        <v>185</v>
      </c>
      <c r="AE3" s="50" t="s">
        <v>180</v>
      </c>
      <c r="AF3" s="50" t="s">
        <v>182</v>
      </c>
      <c r="AG3" s="50" t="s">
        <v>180</v>
      </c>
      <c r="AH3" s="50" t="s">
        <v>182</v>
      </c>
      <c r="AI3" s="51" t="s">
        <v>184</v>
      </c>
      <c r="AJ3" s="50" t="s">
        <v>182</v>
      </c>
    </row>
    <row r="4" spans="1:37" ht="22" customHeight="1">
      <c r="A4" s="54"/>
      <c r="B4" s="49"/>
      <c r="C4" s="53"/>
      <c r="D4" s="53"/>
      <c r="E4" s="53"/>
      <c r="F4" s="53"/>
      <c r="G4" s="55"/>
      <c r="H4" s="50"/>
      <c r="I4" s="50"/>
      <c r="J4" s="50"/>
      <c r="K4" s="50"/>
      <c r="L4" s="50"/>
      <c r="M4" s="50"/>
      <c r="N4" s="50"/>
      <c r="O4" s="50"/>
      <c r="P4" s="50"/>
      <c r="Q4" s="51"/>
      <c r="R4" s="50"/>
      <c r="S4" s="15"/>
      <c r="T4" s="49"/>
      <c r="U4" s="50"/>
      <c r="V4" s="50"/>
      <c r="W4" s="50"/>
      <c r="X4" s="50"/>
      <c r="Y4" s="50"/>
      <c r="Z4" s="50"/>
      <c r="AA4" s="50"/>
      <c r="AB4" s="50"/>
      <c r="AC4" s="50"/>
      <c r="AD4" s="50"/>
      <c r="AE4" s="50"/>
      <c r="AF4" s="50"/>
      <c r="AG4" s="50"/>
      <c r="AH4" s="50"/>
      <c r="AI4" s="51"/>
      <c r="AJ4" s="50"/>
    </row>
    <row r="5" spans="1:37">
      <c r="A5" s="20" t="s">
        <v>13</v>
      </c>
      <c r="B5" s="30">
        <v>2896</v>
      </c>
      <c r="C5" s="30">
        <v>809</v>
      </c>
      <c r="D5" s="30">
        <v>7</v>
      </c>
      <c r="E5" s="30">
        <v>0</v>
      </c>
      <c r="F5" s="30">
        <v>2080</v>
      </c>
      <c r="G5" s="30">
        <v>0</v>
      </c>
      <c r="H5" s="28">
        <v>0.27935082872928174</v>
      </c>
      <c r="I5" s="28">
        <v>2.4171270718232043E-3</v>
      </c>
      <c r="J5" s="28">
        <v>0</v>
      </c>
      <c r="K5" s="28">
        <v>0.71823204419889508</v>
      </c>
      <c r="L5" s="28">
        <v>0</v>
      </c>
      <c r="M5" s="28">
        <v>0.14812030075187971</v>
      </c>
      <c r="N5" s="25">
        <v>39</v>
      </c>
      <c r="O5" s="28">
        <v>0.10915358100344695</v>
      </c>
      <c r="P5" s="25">
        <v>39</v>
      </c>
      <c r="Q5" s="32">
        <v>696.2872928176796</v>
      </c>
      <c r="R5" s="25">
        <v>52</v>
      </c>
      <c r="S5" s="27"/>
      <c r="T5" s="30">
        <v>2611</v>
      </c>
      <c r="U5" s="30">
        <v>696</v>
      </c>
      <c r="V5" s="30">
        <v>8</v>
      </c>
      <c r="W5" s="30">
        <v>0</v>
      </c>
      <c r="X5" s="30">
        <v>1907</v>
      </c>
      <c r="Y5" s="30">
        <v>0</v>
      </c>
      <c r="Z5" s="28">
        <v>0.2665645346610494</v>
      </c>
      <c r="AA5" s="28">
        <v>3.0639601685178092E-3</v>
      </c>
      <c r="AB5" s="28">
        <v>0</v>
      </c>
      <c r="AC5" s="28">
        <v>0.73037150517043281</v>
      </c>
      <c r="AD5" s="28">
        <v>0</v>
      </c>
      <c r="AE5" s="28">
        <v>0.12047177759056445</v>
      </c>
      <c r="AF5" s="25">
        <v>34</v>
      </c>
      <c r="AG5" s="28">
        <v>0.16096042685638062</v>
      </c>
      <c r="AH5" s="25">
        <v>32</v>
      </c>
      <c r="AI5" s="32">
        <v>772.28954423592495</v>
      </c>
      <c r="AJ5" s="25">
        <v>52</v>
      </c>
    </row>
    <row r="6" spans="1:37">
      <c r="A6" s="21" t="s">
        <v>14</v>
      </c>
      <c r="B6" s="31">
        <v>33</v>
      </c>
      <c r="C6" s="31">
        <v>24</v>
      </c>
      <c r="D6" s="31">
        <v>0</v>
      </c>
      <c r="E6" s="31">
        <v>1</v>
      </c>
      <c r="F6" s="31">
        <v>7</v>
      </c>
      <c r="G6" s="31">
        <v>1</v>
      </c>
      <c r="H6" s="29">
        <v>0.72727272727272729</v>
      </c>
      <c r="I6" s="29">
        <v>0</v>
      </c>
      <c r="J6" s="29">
        <v>3.0303030303030304E-2</v>
      </c>
      <c r="K6" s="29">
        <v>0.21212121212121213</v>
      </c>
      <c r="L6" s="29">
        <v>3.0303030303030304E-2</v>
      </c>
      <c r="M6" s="29">
        <v>0.16666666666666666</v>
      </c>
      <c r="N6" s="15">
        <v>36</v>
      </c>
      <c r="O6" s="29">
        <v>6.4516129032258063E-2</v>
      </c>
      <c r="P6" s="26">
        <v>44</v>
      </c>
      <c r="Q6" s="33">
        <v>8320.424242424242</v>
      </c>
      <c r="R6" s="26">
        <v>2</v>
      </c>
      <c r="S6" s="27"/>
      <c r="T6" s="31">
        <v>31</v>
      </c>
      <c r="U6" s="31">
        <v>22</v>
      </c>
      <c r="V6" s="31">
        <v>0</v>
      </c>
      <c r="W6" s="31">
        <v>0</v>
      </c>
      <c r="X6" s="31">
        <v>9</v>
      </c>
      <c r="Y6" s="31">
        <v>0</v>
      </c>
      <c r="Z6" s="29">
        <v>0.70967741935483875</v>
      </c>
      <c r="AA6" s="29">
        <v>0</v>
      </c>
      <c r="AB6" s="29">
        <v>0</v>
      </c>
      <c r="AC6" s="29">
        <v>0.29032258064516131</v>
      </c>
      <c r="AD6" s="29">
        <v>0</v>
      </c>
      <c r="AE6" s="29">
        <v>1</v>
      </c>
      <c r="AF6" s="15">
        <v>2</v>
      </c>
      <c r="AG6" s="29">
        <v>1.0666666666666667</v>
      </c>
      <c r="AH6" s="26">
        <v>1</v>
      </c>
      <c r="AI6" s="33">
        <v>8857.2258064516136</v>
      </c>
      <c r="AJ6" s="26">
        <v>2</v>
      </c>
    </row>
    <row r="7" spans="1:37">
      <c r="A7" s="20" t="s">
        <v>15</v>
      </c>
      <c r="B7" s="30">
        <v>1461</v>
      </c>
      <c r="C7" s="30">
        <v>1149</v>
      </c>
      <c r="D7" s="30">
        <v>18</v>
      </c>
      <c r="E7" s="30">
        <v>0</v>
      </c>
      <c r="F7" s="30">
        <v>294</v>
      </c>
      <c r="G7" s="30">
        <v>0</v>
      </c>
      <c r="H7" s="28">
        <v>0.78644763860369615</v>
      </c>
      <c r="I7" s="28">
        <v>1.2320328542094456E-2</v>
      </c>
      <c r="J7" s="28">
        <v>0</v>
      </c>
      <c r="K7" s="28">
        <v>0.20123203285420946</v>
      </c>
      <c r="L7" s="28">
        <v>0</v>
      </c>
      <c r="M7" s="28">
        <v>0.1321656050955414</v>
      </c>
      <c r="N7" s="24">
        <v>40</v>
      </c>
      <c r="O7" s="28">
        <v>0.23187183811129849</v>
      </c>
      <c r="P7" s="24">
        <v>27</v>
      </c>
      <c r="Q7" s="32">
        <v>1950.9767282683094</v>
      </c>
      <c r="R7" s="24">
        <v>28</v>
      </c>
      <c r="S7" s="27"/>
      <c r="T7" s="30">
        <v>1186</v>
      </c>
      <c r="U7" s="30">
        <v>963</v>
      </c>
      <c r="V7" s="30">
        <v>12</v>
      </c>
      <c r="W7" s="30">
        <v>0</v>
      </c>
      <c r="X7" s="30">
        <v>211</v>
      </c>
      <c r="Y7" s="30">
        <v>0</v>
      </c>
      <c r="Z7" s="28">
        <v>0.81197301854974702</v>
      </c>
      <c r="AA7" s="28">
        <v>1.0118043844856661E-2</v>
      </c>
      <c r="AB7" s="28">
        <v>0</v>
      </c>
      <c r="AC7" s="28">
        <v>0.17790893760539628</v>
      </c>
      <c r="AD7" s="28">
        <v>0</v>
      </c>
      <c r="AE7" s="28">
        <v>0.15867158671586715</v>
      </c>
      <c r="AF7" s="24">
        <v>32</v>
      </c>
      <c r="AG7" s="28">
        <v>4.1264266900790166E-2</v>
      </c>
      <c r="AH7" s="24">
        <v>42</v>
      </c>
      <c r="AI7" s="32">
        <v>2403.3532883642497</v>
      </c>
      <c r="AJ7" s="24">
        <v>30</v>
      </c>
    </row>
    <row r="8" spans="1:37">
      <c r="A8" s="21" t="s">
        <v>16</v>
      </c>
      <c r="B8" s="31">
        <v>961</v>
      </c>
      <c r="C8" s="31">
        <v>372</v>
      </c>
      <c r="D8" s="31">
        <v>6</v>
      </c>
      <c r="E8" s="31">
        <v>4</v>
      </c>
      <c r="F8" s="31">
        <v>578</v>
      </c>
      <c r="G8" s="31">
        <v>1</v>
      </c>
      <c r="H8" s="29">
        <v>0.38709677419354838</v>
      </c>
      <c r="I8" s="29">
        <v>6.2434963579604576E-3</v>
      </c>
      <c r="J8" s="29">
        <v>4.1623309053069723E-3</v>
      </c>
      <c r="K8" s="29">
        <v>0.60145681581685739</v>
      </c>
      <c r="L8" s="29">
        <v>1.0405827263267431E-3</v>
      </c>
      <c r="M8" s="29">
        <v>0.29245283018867924</v>
      </c>
      <c r="N8" s="15">
        <v>22</v>
      </c>
      <c r="O8" s="29">
        <v>0.18058968058968058</v>
      </c>
      <c r="P8" s="15">
        <v>31</v>
      </c>
      <c r="Q8" s="33">
        <v>1265.5639958376692</v>
      </c>
      <c r="R8" s="15">
        <v>45</v>
      </c>
      <c r="S8" s="27"/>
      <c r="T8" s="31">
        <v>814</v>
      </c>
      <c r="U8" s="31">
        <v>328</v>
      </c>
      <c r="V8" s="31">
        <v>4</v>
      </c>
      <c r="W8" s="31">
        <v>0</v>
      </c>
      <c r="X8" s="31">
        <v>482</v>
      </c>
      <c r="Y8" s="31">
        <v>0</v>
      </c>
      <c r="Z8" s="29">
        <v>0.40294840294840295</v>
      </c>
      <c r="AA8" s="29">
        <v>4.9140049140049139E-3</v>
      </c>
      <c r="AB8" s="29">
        <v>0</v>
      </c>
      <c r="AC8" s="29">
        <v>0.59213759213759209</v>
      </c>
      <c r="AD8" s="29">
        <v>0</v>
      </c>
      <c r="AE8" s="29">
        <v>0.23255813953488372</v>
      </c>
      <c r="AF8" s="15">
        <v>22</v>
      </c>
      <c r="AG8" s="29">
        <v>0.16285714285714287</v>
      </c>
      <c r="AH8" s="15">
        <v>31</v>
      </c>
      <c r="AI8" s="33">
        <v>1494.1117936117937</v>
      </c>
      <c r="AJ8" s="15">
        <v>45</v>
      </c>
    </row>
    <row r="9" spans="1:37">
      <c r="A9" s="20" t="s">
        <v>17</v>
      </c>
      <c r="B9" s="30">
        <v>6403</v>
      </c>
      <c r="C9" s="30">
        <v>4947</v>
      </c>
      <c r="D9" s="30">
        <v>105</v>
      </c>
      <c r="E9" s="30">
        <v>4</v>
      </c>
      <c r="F9" s="30">
        <v>1347</v>
      </c>
      <c r="G9" s="30">
        <v>0</v>
      </c>
      <c r="H9" s="28">
        <v>0.77260659066062787</v>
      </c>
      <c r="I9" s="28">
        <v>1.6398563173512418E-2</v>
      </c>
      <c r="J9" s="28">
        <v>6.2470716851475874E-4</v>
      </c>
      <c r="K9" s="28">
        <v>0.210370138997345</v>
      </c>
      <c r="L9" s="28">
        <v>0</v>
      </c>
      <c r="M9" s="28">
        <v>0.32818073721759811</v>
      </c>
      <c r="N9" s="24">
        <v>16</v>
      </c>
      <c r="O9" s="28">
        <v>0.33173876871880198</v>
      </c>
      <c r="P9" s="24">
        <v>11</v>
      </c>
      <c r="Q9" s="32">
        <v>2116.2870529439324</v>
      </c>
      <c r="R9" s="24">
        <v>27</v>
      </c>
      <c r="S9" s="27"/>
      <c r="T9" s="30">
        <v>4808</v>
      </c>
      <c r="U9" s="30">
        <v>3669</v>
      </c>
      <c r="V9" s="30">
        <v>60</v>
      </c>
      <c r="W9" s="30">
        <v>1</v>
      </c>
      <c r="X9" s="30">
        <v>1078</v>
      </c>
      <c r="Y9" s="30">
        <v>0</v>
      </c>
      <c r="Z9" s="28">
        <v>0.76310316139767054</v>
      </c>
      <c r="AA9" s="28">
        <v>1.2479201331114808E-2</v>
      </c>
      <c r="AB9" s="28">
        <v>2.0798668885191348E-4</v>
      </c>
      <c r="AC9" s="28">
        <v>0.22420965058236272</v>
      </c>
      <c r="AD9" s="28">
        <v>0</v>
      </c>
      <c r="AE9" s="28">
        <v>9.4577006507592196E-2</v>
      </c>
      <c r="AF9" s="24">
        <v>38</v>
      </c>
      <c r="AG9" s="28">
        <v>9.8971428571428571E-2</v>
      </c>
      <c r="AH9" s="24">
        <v>37</v>
      </c>
      <c r="AI9" s="32">
        <v>2818.3415141430946</v>
      </c>
      <c r="AJ9" s="24">
        <v>26</v>
      </c>
    </row>
    <row r="10" spans="1:37">
      <c r="A10" s="21" t="s">
        <v>18</v>
      </c>
      <c r="B10" s="31">
        <v>877</v>
      </c>
      <c r="C10" s="31">
        <v>642</v>
      </c>
      <c r="D10" s="31">
        <v>15</v>
      </c>
      <c r="E10" s="31">
        <v>0</v>
      </c>
      <c r="F10" s="31">
        <v>220</v>
      </c>
      <c r="G10" s="31">
        <v>0</v>
      </c>
      <c r="H10" s="29">
        <v>0.73204104903078682</v>
      </c>
      <c r="I10" s="29">
        <v>1.7103762827822121E-2</v>
      </c>
      <c r="J10" s="29">
        <v>0</v>
      </c>
      <c r="K10" s="29">
        <v>0.25085518814139113</v>
      </c>
      <c r="L10" s="29">
        <v>0</v>
      </c>
      <c r="M10" s="29">
        <v>0.22701149425287356</v>
      </c>
      <c r="N10" s="15">
        <v>30</v>
      </c>
      <c r="O10" s="29">
        <v>0.31287425149700598</v>
      </c>
      <c r="P10" s="15">
        <v>14</v>
      </c>
      <c r="Q10" s="33">
        <v>2719.0239452679589</v>
      </c>
      <c r="R10" s="15">
        <v>21</v>
      </c>
      <c r="S10" s="27"/>
      <c r="T10" s="31">
        <v>668</v>
      </c>
      <c r="U10" s="31">
        <v>438</v>
      </c>
      <c r="V10" s="31">
        <v>10</v>
      </c>
      <c r="W10" s="31">
        <v>0</v>
      </c>
      <c r="X10" s="31">
        <v>220</v>
      </c>
      <c r="Y10" s="31">
        <v>0</v>
      </c>
      <c r="Z10" s="29">
        <v>0.65568862275449102</v>
      </c>
      <c r="AA10" s="29">
        <v>1.4970059880239521E-2</v>
      </c>
      <c r="AB10" s="29">
        <v>0</v>
      </c>
      <c r="AC10" s="29">
        <v>0.32934131736526945</v>
      </c>
      <c r="AD10" s="29">
        <v>0</v>
      </c>
      <c r="AE10" s="29">
        <v>7.7399380804953566E-2</v>
      </c>
      <c r="AF10" s="15">
        <v>39</v>
      </c>
      <c r="AG10" s="29">
        <v>8.2658022690437608E-2</v>
      </c>
      <c r="AH10" s="15">
        <v>39</v>
      </c>
      <c r="AI10" s="33">
        <v>3569.7365269461079</v>
      </c>
      <c r="AJ10" s="15">
        <v>19</v>
      </c>
    </row>
    <row r="11" spans="1:37">
      <c r="A11" s="20" t="s">
        <v>19</v>
      </c>
      <c r="B11" s="30">
        <v>451</v>
      </c>
      <c r="C11" s="30">
        <v>352</v>
      </c>
      <c r="D11" s="30">
        <v>1</v>
      </c>
      <c r="E11" s="30">
        <v>0</v>
      </c>
      <c r="F11" s="30">
        <v>98</v>
      </c>
      <c r="G11" s="30">
        <v>0</v>
      </c>
      <c r="H11" s="28">
        <v>0.78048780487804881</v>
      </c>
      <c r="I11" s="28">
        <v>2.2172949002217295E-3</v>
      </c>
      <c r="J11" s="28">
        <v>0</v>
      </c>
      <c r="K11" s="28">
        <v>0.21729490022172948</v>
      </c>
      <c r="L11" s="28">
        <v>0</v>
      </c>
      <c r="M11" s="28">
        <v>0.4438202247191011</v>
      </c>
      <c r="N11" s="24">
        <v>7</v>
      </c>
      <c r="O11" s="28">
        <v>0.1475826972010178</v>
      </c>
      <c r="P11" s="24">
        <v>36</v>
      </c>
      <c r="Q11" s="32">
        <v>3178.7915742793793</v>
      </c>
      <c r="R11" s="24">
        <v>15</v>
      </c>
      <c r="S11" s="27"/>
      <c r="T11" s="30">
        <v>393</v>
      </c>
      <c r="U11" s="30">
        <v>280</v>
      </c>
      <c r="V11" s="30">
        <v>2</v>
      </c>
      <c r="W11" s="30">
        <v>0</v>
      </c>
      <c r="X11" s="30">
        <v>111</v>
      </c>
      <c r="Y11" s="30">
        <v>0</v>
      </c>
      <c r="Z11" s="28">
        <v>0.71246819338422396</v>
      </c>
      <c r="AA11" s="28">
        <v>5.0890585241730284E-3</v>
      </c>
      <c r="AB11" s="28">
        <v>0</v>
      </c>
      <c r="AC11" s="28">
        <v>0.28244274809160308</v>
      </c>
      <c r="AD11" s="28">
        <v>0</v>
      </c>
      <c r="AE11" s="28">
        <v>4.0935672514619881E-2</v>
      </c>
      <c r="AF11" s="24">
        <v>43</v>
      </c>
      <c r="AG11" s="28">
        <v>0.22049689440993789</v>
      </c>
      <c r="AH11" s="24">
        <v>18</v>
      </c>
      <c r="AI11" s="32">
        <v>3647.9262086513995</v>
      </c>
      <c r="AJ11" s="24">
        <v>16</v>
      </c>
    </row>
    <row r="12" spans="1:37">
      <c r="A12" s="21" t="s">
        <v>20</v>
      </c>
      <c r="B12" s="31">
        <v>336</v>
      </c>
      <c r="C12" s="31">
        <v>172</v>
      </c>
      <c r="D12" s="31">
        <v>90</v>
      </c>
      <c r="E12" s="31">
        <v>0</v>
      </c>
      <c r="F12" s="31">
        <v>55</v>
      </c>
      <c r="G12" s="31">
        <v>19</v>
      </c>
      <c r="H12" s="29">
        <v>0.51190476190476186</v>
      </c>
      <c r="I12" s="29">
        <v>0.26785714285714285</v>
      </c>
      <c r="J12" s="29">
        <v>0</v>
      </c>
      <c r="K12" s="29">
        <v>0.16369047619047619</v>
      </c>
      <c r="L12" s="29">
        <v>5.6547619047619048E-2</v>
      </c>
      <c r="M12" s="29">
        <v>0.24475524475524477</v>
      </c>
      <c r="N12" s="15">
        <v>28</v>
      </c>
      <c r="O12" s="29">
        <v>0.2537313432835821</v>
      </c>
      <c r="P12" s="15">
        <v>22</v>
      </c>
      <c r="Q12" s="33">
        <v>1197.422619047619</v>
      </c>
      <c r="R12" s="15">
        <v>46</v>
      </c>
      <c r="S12" s="27"/>
      <c r="T12" s="31">
        <v>268</v>
      </c>
      <c r="U12" s="31">
        <v>106</v>
      </c>
      <c r="V12" s="31">
        <v>99</v>
      </c>
      <c r="W12" s="31">
        <v>0</v>
      </c>
      <c r="X12" s="31">
        <v>59</v>
      </c>
      <c r="Y12" s="31">
        <v>4</v>
      </c>
      <c r="Z12" s="29">
        <v>0.39552238805970147</v>
      </c>
      <c r="AA12" s="29">
        <v>0.36940298507462688</v>
      </c>
      <c r="AB12" s="29">
        <v>0</v>
      </c>
      <c r="AC12" s="29">
        <v>0.22014925373134328</v>
      </c>
      <c r="AD12" s="29">
        <v>1.4925373134328358E-2</v>
      </c>
      <c r="AE12" s="29">
        <v>1.0428571428571429</v>
      </c>
      <c r="AF12" s="15">
        <v>1</v>
      </c>
      <c r="AG12" s="29">
        <v>0.71794871794871795</v>
      </c>
      <c r="AH12" s="15">
        <v>3</v>
      </c>
      <c r="AI12" s="33">
        <v>1501.2462686567164</v>
      </c>
      <c r="AJ12" s="15">
        <v>44</v>
      </c>
    </row>
    <row r="13" spans="1:37">
      <c r="A13" s="20" t="s">
        <v>21</v>
      </c>
      <c r="B13" s="30">
        <v>62</v>
      </c>
      <c r="C13" s="30">
        <v>32</v>
      </c>
      <c r="D13" s="30">
        <v>12</v>
      </c>
      <c r="E13" s="30">
        <v>0</v>
      </c>
      <c r="F13" s="30">
        <v>18</v>
      </c>
      <c r="G13" s="30">
        <v>0</v>
      </c>
      <c r="H13" s="28">
        <v>0.5161290322580645</v>
      </c>
      <c r="I13" s="28">
        <v>0.19354838709677419</v>
      </c>
      <c r="J13" s="28">
        <v>0</v>
      </c>
      <c r="K13" s="28">
        <v>0.29032258064516131</v>
      </c>
      <c r="L13" s="28">
        <v>0</v>
      </c>
      <c r="M13" s="28">
        <v>0.7142857142857143</v>
      </c>
      <c r="N13" s="24">
        <v>2</v>
      </c>
      <c r="O13" s="28">
        <v>-6.0606060606060608E-2</v>
      </c>
      <c r="P13" s="24">
        <v>50</v>
      </c>
      <c r="Q13" s="32">
        <v>5273.7096774193551</v>
      </c>
      <c r="R13" s="24">
        <v>4</v>
      </c>
      <c r="S13" s="27"/>
      <c r="T13" s="30">
        <v>66</v>
      </c>
      <c r="U13" s="30">
        <v>36</v>
      </c>
      <c r="V13" s="30">
        <v>19</v>
      </c>
      <c r="W13" s="30">
        <v>0</v>
      </c>
      <c r="X13" s="30">
        <v>11</v>
      </c>
      <c r="Y13" s="30">
        <v>0</v>
      </c>
      <c r="Z13" s="28">
        <v>0.54545454545454541</v>
      </c>
      <c r="AA13" s="28">
        <v>0.2878787878787879</v>
      </c>
      <c r="AB13" s="28">
        <v>0</v>
      </c>
      <c r="AC13" s="28">
        <v>0.16666666666666666</v>
      </c>
      <c r="AD13" s="28">
        <v>0</v>
      </c>
      <c r="AE13" s="28">
        <v>-4.5454545454545456E-2</v>
      </c>
      <c r="AF13" s="24">
        <v>49</v>
      </c>
      <c r="AG13" s="28">
        <v>0.94117647058823528</v>
      </c>
      <c r="AH13" s="24">
        <v>2</v>
      </c>
      <c r="AI13" s="32">
        <v>4954.090909090909</v>
      </c>
      <c r="AJ13" s="24">
        <v>11</v>
      </c>
    </row>
    <row r="14" spans="1:37">
      <c r="A14" s="21" t="s">
        <v>22</v>
      </c>
      <c r="B14" s="31">
        <v>5125</v>
      </c>
      <c r="C14" s="31">
        <v>3178</v>
      </c>
      <c r="D14" s="31">
        <v>96</v>
      </c>
      <c r="E14" s="31">
        <v>2</v>
      </c>
      <c r="F14" s="31">
        <v>1844</v>
      </c>
      <c r="G14" s="31">
        <v>5</v>
      </c>
      <c r="H14" s="29">
        <v>0.62009756097560975</v>
      </c>
      <c r="I14" s="29">
        <v>1.873170731707317E-2</v>
      </c>
      <c r="J14" s="29">
        <v>3.9024390243902441E-4</v>
      </c>
      <c r="K14" s="29">
        <v>0.35980487804878047</v>
      </c>
      <c r="L14" s="29">
        <v>9.7560975609756097E-4</v>
      </c>
      <c r="M14" s="29">
        <v>0.39836149513568869</v>
      </c>
      <c r="N14" s="15">
        <v>11</v>
      </c>
      <c r="O14" s="29">
        <v>0.32600258732212162</v>
      </c>
      <c r="P14" s="15">
        <v>12</v>
      </c>
      <c r="Q14" s="33">
        <v>1722.2232195121951</v>
      </c>
      <c r="R14" s="15">
        <v>35</v>
      </c>
      <c r="S14" s="27"/>
      <c r="T14" s="31">
        <v>3865</v>
      </c>
      <c r="U14" s="31">
        <v>2391</v>
      </c>
      <c r="V14" s="31">
        <v>92</v>
      </c>
      <c r="W14" s="31">
        <v>0</v>
      </c>
      <c r="X14" s="31">
        <v>1377</v>
      </c>
      <c r="Y14" s="31">
        <v>5</v>
      </c>
      <c r="Z14" s="29">
        <v>0.61862871927554985</v>
      </c>
      <c r="AA14" s="29">
        <v>2.3803363518758086E-2</v>
      </c>
      <c r="AB14" s="29">
        <v>0</v>
      </c>
      <c r="AC14" s="29">
        <v>0.35627425614489006</v>
      </c>
      <c r="AD14" s="29">
        <v>1.29366106080207E-3</v>
      </c>
      <c r="AE14" s="29">
        <v>-5.5609284332688587E-2</v>
      </c>
      <c r="AF14" s="15">
        <v>50</v>
      </c>
      <c r="AG14" s="29">
        <v>-2.5866528711846869E-4</v>
      </c>
      <c r="AH14" s="15">
        <v>47</v>
      </c>
      <c r="AI14" s="33">
        <v>2283.6724450194051</v>
      </c>
      <c r="AJ14" s="15">
        <v>33</v>
      </c>
    </row>
    <row r="15" spans="1:37">
      <c r="A15" s="20" t="s">
        <v>23</v>
      </c>
      <c r="B15" s="30">
        <v>4517</v>
      </c>
      <c r="C15" s="30">
        <v>1765</v>
      </c>
      <c r="D15" s="30">
        <v>40</v>
      </c>
      <c r="E15" s="30">
        <v>2</v>
      </c>
      <c r="F15" s="30">
        <v>2691</v>
      </c>
      <c r="G15" s="30">
        <v>19</v>
      </c>
      <c r="H15" s="28">
        <v>0.39074607040070841</v>
      </c>
      <c r="I15" s="28">
        <v>8.8554350232455167E-3</v>
      </c>
      <c r="J15" s="28">
        <v>4.4277175116227583E-4</v>
      </c>
      <c r="K15" s="28">
        <v>0.59574939118884218</v>
      </c>
      <c r="L15" s="28">
        <v>4.2063316360416202E-3</v>
      </c>
      <c r="M15" s="28">
        <v>7.0175438596491224E-2</v>
      </c>
      <c r="N15" s="24">
        <v>45</v>
      </c>
      <c r="O15" s="28">
        <v>0.10683655966674835</v>
      </c>
      <c r="P15" s="24">
        <v>40</v>
      </c>
      <c r="Q15" s="32">
        <v>906.01439008191278</v>
      </c>
      <c r="R15" s="24">
        <v>50</v>
      </c>
      <c r="S15" s="27"/>
      <c r="T15" s="30">
        <v>4081</v>
      </c>
      <c r="U15" s="30">
        <v>1477</v>
      </c>
      <c r="V15" s="30">
        <v>27</v>
      </c>
      <c r="W15" s="30">
        <v>1</v>
      </c>
      <c r="X15" s="30">
        <v>2576</v>
      </c>
      <c r="Y15" s="30">
        <v>0</v>
      </c>
      <c r="Z15" s="28">
        <v>0.36192109777015435</v>
      </c>
      <c r="AA15" s="28">
        <v>6.6160254839500122E-3</v>
      </c>
      <c r="AB15" s="28">
        <v>2.4503798088703748E-4</v>
      </c>
      <c r="AC15" s="28">
        <v>0.63121783876500859</v>
      </c>
      <c r="AD15" s="28">
        <v>0</v>
      </c>
      <c r="AE15" s="28">
        <v>0.24278137890394813</v>
      </c>
      <c r="AF15" s="24">
        <v>20</v>
      </c>
      <c r="AG15" s="28">
        <v>0.21748210023866349</v>
      </c>
      <c r="AH15" s="24">
        <v>20</v>
      </c>
      <c r="AI15" s="32">
        <v>1002.8098505268316</v>
      </c>
      <c r="AJ15" s="24">
        <v>49</v>
      </c>
    </row>
    <row r="16" spans="1:37">
      <c r="A16" s="21" t="s">
        <v>24</v>
      </c>
      <c r="B16" s="31">
        <v>188</v>
      </c>
      <c r="C16" s="31">
        <v>118</v>
      </c>
      <c r="D16" s="31">
        <v>0</v>
      </c>
      <c r="E16" s="31">
        <v>0</v>
      </c>
      <c r="F16" s="31">
        <v>69</v>
      </c>
      <c r="G16" s="31">
        <v>1</v>
      </c>
      <c r="H16" s="29">
        <v>0.62765957446808507</v>
      </c>
      <c r="I16" s="29">
        <v>0</v>
      </c>
      <c r="J16" s="29">
        <v>0</v>
      </c>
      <c r="K16" s="29">
        <v>0.36702127659574468</v>
      </c>
      <c r="L16" s="29">
        <v>5.3191489361702126E-3</v>
      </c>
      <c r="M16" s="29">
        <v>0.49333333333333335</v>
      </c>
      <c r="N16" s="15">
        <v>5</v>
      </c>
      <c r="O16" s="29">
        <v>0.37226277372262773</v>
      </c>
      <c r="P16" s="15">
        <v>4</v>
      </c>
      <c r="Q16" s="33">
        <v>2632.0585106382978</v>
      </c>
      <c r="R16" s="15">
        <v>24</v>
      </c>
      <c r="S16" s="27"/>
      <c r="T16" s="31">
        <v>137</v>
      </c>
      <c r="U16" s="31">
        <v>94</v>
      </c>
      <c r="V16" s="31">
        <v>0</v>
      </c>
      <c r="W16" s="31">
        <v>0</v>
      </c>
      <c r="X16" s="31">
        <v>43</v>
      </c>
      <c r="Y16" s="31">
        <v>0</v>
      </c>
      <c r="Z16" s="29">
        <v>0.68613138686131392</v>
      </c>
      <c r="AA16" s="29">
        <v>0</v>
      </c>
      <c r="AB16" s="29">
        <v>0</v>
      </c>
      <c r="AC16" s="29">
        <v>0.31386861313868614</v>
      </c>
      <c r="AD16" s="29">
        <v>0</v>
      </c>
      <c r="AE16" s="29">
        <v>5.6338028169014086E-2</v>
      </c>
      <c r="AF16" s="15">
        <v>41</v>
      </c>
      <c r="AG16" s="29">
        <v>-2.8368794326241134E-2</v>
      </c>
      <c r="AH16" s="15">
        <v>48</v>
      </c>
      <c r="AI16" s="33">
        <v>3611.8759124087592</v>
      </c>
      <c r="AJ16" s="15">
        <v>18</v>
      </c>
    </row>
    <row r="17" spans="1:36">
      <c r="A17" s="20" t="s">
        <v>25</v>
      </c>
      <c r="B17" s="30">
        <v>231</v>
      </c>
      <c r="C17" s="30">
        <v>197</v>
      </c>
      <c r="D17" s="30">
        <v>2</v>
      </c>
      <c r="E17" s="30">
        <v>0</v>
      </c>
      <c r="F17" s="30">
        <v>32</v>
      </c>
      <c r="G17" s="30">
        <v>0</v>
      </c>
      <c r="H17" s="28">
        <v>0.8528138528138528</v>
      </c>
      <c r="I17" s="28">
        <v>8.658008658008658E-3</v>
      </c>
      <c r="J17" s="28">
        <v>0</v>
      </c>
      <c r="K17" s="28">
        <v>0.13852813852813853</v>
      </c>
      <c r="L17" s="28">
        <v>0</v>
      </c>
      <c r="M17" s="28">
        <v>0.18</v>
      </c>
      <c r="N17" s="24">
        <v>35</v>
      </c>
      <c r="O17" s="28">
        <v>8.4507042253521125E-2</v>
      </c>
      <c r="P17" s="24">
        <v>41</v>
      </c>
      <c r="Q17" s="32">
        <v>3104.5497835497836</v>
      </c>
      <c r="R17" s="24">
        <v>16</v>
      </c>
      <c r="S17" s="27"/>
      <c r="T17" s="30">
        <v>213</v>
      </c>
      <c r="U17" s="30">
        <v>187</v>
      </c>
      <c r="V17" s="30">
        <v>1</v>
      </c>
      <c r="W17" s="30">
        <v>0</v>
      </c>
      <c r="X17" s="30">
        <v>25</v>
      </c>
      <c r="Y17" s="30">
        <v>0</v>
      </c>
      <c r="Z17" s="28">
        <v>0.8779342723004695</v>
      </c>
      <c r="AA17" s="28">
        <v>4.6948356807511738E-3</v>
      </c>
      <c r="AB17" s="28">
        <v>0</v>
      </c>
      <c r="AC17" s="28">
        <v>0.11737089201877934</v>
      </c>
      <c r="AD17" s="28">
        <v>0</v>
      </c>
      <c r="AE17" s="28">
        <v>7.5268817204301078E-2</v>
      </c>
      <c r="AF17" s="24">
        <v>40</v>
      </c>
      <c r="AG17" s="28">
        <v>0.30674846625766872</v>
      </c>
      <c r="AH17" s="24">
        <v>12</v>
      </c>
      <c r="AI17" s="32">
        <v>3366.9061032863851</v>
      </c>
      <c r="AJ17" s="24">
        <v>23</v>
      </c>
    </row>
    <row r="18" spans="1:36">
      <c r="A18" s="21" t="s">
        <v>26</v>
      </c>
      <c r="B18" s="31">
        <v>3799</v>
      </c>
      <c r="C18" s="31">
        <v>2168</v>
      </c>
      <c r="D18" s="31">
        <v>27</v>
      </c>
      <c r="E18" s="31">
        <v>1</v>
      </c>
      <c r="F18" s="31">
        <v>1601</v>
      </c>
      <c r="G18" s="31">
        <v>2</v>
      </c>
      <c r="H18" s="29">
        <v>0.57067649381416163</v>
      </c>
      <c r="I18" s="29">
        <v>7.1071334561726767E-3</v>
      </c>
      <c r="J18" s="29">
        <v>2.6322716504343247E-4</v>
      </c>
      <c r="K18" s="29">
        <v>0.42142669123453541</v>
      </c>
      <c r="L18" s="29">
        <v>5.2645433008686494E-4</v>
      </c>
      <c r="M18" s="29">
        <v>0.12960893854748604</v>
      </c>
      <c r="N18" s="15">
        <v>41</v>
      </c>
      <c r="O18" s="29">
        <v>0.11998820754716981</v>
      </c>
      <c r="P18" s="15">
        <v>38</v>
      </c>
      <c r="Q18" s="33">
        <v>1330.9713082390103</v>
      </c>
      <c r="R18" s="15">
        <v>43</v>
      </c>
      <c r="S18" s="27"/>
      <c r="T18" s="31">
        <v>3392</v>
      </c>
      <c r="U18" s="31">
        <v>1932</v>
      </c>
      <c r="V18" s="31">
        <v>18</v>
      </c>
      <c r="W18" s="31">
        <v>0</v>
      </c>
      <c r="X18" s="31">
        <v>1442</v>
      </c>
      <c r="Y18" s="31">
        <v>0</v>
      </c>
      <c r="Z18" s="29">
        <v>0.56957547169811318</v>
      </c>
      <c r="AA18" s="29">
        <v>5.3066037735849053E-3</v>
      </c>
      <c r="AB18" s="29">
        <v>0</v>
      </c>
      <c r="AC18" s="29">
        <v>0.42511792452830188</v>
      </c>
      <c r="AD18" s="29">
        <v>0</v>
      </c>
      <c r="AE18" s="29">
        <v>0.1901595744680851</v>
      </c>
      <c r="AF18" s="15">
        <v>28</v>
      </c>
      <c r="AG18" s="29">
        <v>0.19101123595505617</v>
      </c>
      <c r="AH18" s="15">
        <v>25</v>
      </c>
      <c r="AI18" s="33">
        <v>1490.6721698113208</v>
      </c>
      <c r="AJ18" s="15">
        <v>46</v>
      </c>
    </row>
    <row r="19" spans="1:36">
      <c r="A19" s="20" t="s">
        <v>27</v>
      </c>
      <c r="B19" s="30">
        <v>1995</v>
      </c>
      <c r="C19" s="30">
        <v>1000</v>
      </c>
      <c r="D19" s="30">
        <v>11</v>
      </c>
      <c r="E19" s="30">
        <v>0</v>
      </c>
      <c r="F19" s="30">
        <v>984</v>
      </c>
      <c r="G19" s="30">
        <v>0</v>
      </c>
      <c r="H19" s="28">
        <v>0.50125313283208017</v>
      </c>
      <c r="I19" s="28">
        <v>5.5137844611528822E-3</v>
      </c>
      <c r="J19" s="28">
        <v>0</v>
      </c>
      <c r="K19" s="28">
        <v>0.49323308270676691</v>
      </c>
      <c r="L19" s="28">
        <v>0</v>
      </c>
      <c r="M19" s="28">
        <v>8.0291970802919707E-2</v>
      </c>
      <c r="N19" s="24">
        <v>43</v>
      </c>
      <c r="O19" s="28">
        <v>0.15384615384615385</v>
      </c>
      <c r="P19" s="24">
        <v>35</v>
      </c>
      <c r="Q19" s="32">
        <v>1366.6611528822054</v>
      </c>
      <c r="R19" s="24">
        <v>40</v>
      </c>
      <c r="S19" s="27"/>
      <c r="T19" s="30">
        <v>1729</v>
      </c>
      <c r="U19" s="30">
        <v>838</v>
      </c>
      <c r="V19" s="30">
        <v>11</v>
      </c>
      <c r="W19" s="30">
        <v>0</v>
      </c>
      <c r="X19" s="30">
        <v>880</v>
      </c>
      <c r="Y19" s="30">
        <v>0</v>
      </c>
      <c r="Z19" s="28">
        <v>0.48467322151532677</v>
      </c>
      <c r="AA19" s="28">
        <v>6.3620589936379413E-3</v>
      </c>
      <c r="AB19" s="28">
        <v>0</v>
      </c>
      <c r="AC19" s="28">
        <v>0.50896471949103528</v>
      </c>
      <c r="AD19" s="28">
        <v>0</v>
      </c>
      <c r="AE19" s="28">
        <v>0.30832196452933153</v>
      </c>
      <c r="AF19" s="24">
        <v>13</v>
      </c>
      <c r="AG19" s="28">
        <v>0.15189873417721519</v>
      </c>
      <c r="AH19" s="24">
        <v>33</v>
      </c>
      <c r="AI19" s="32">
        <v>1576.9167148640834</v>
      </c>
      <c r="AJ19" s="24">
        <v>42</v>
      </c>
    </row>
    <row r="20" spans="1:36">
      <c r="A20" s="21" t="s">
        <v>28</v>
      </c>
      <c r="B20" s="31">
        <v>406</v>
      </c>
      <c r="C20" s="31">
        <v>341</v>
      </c>
      <c r="D20" s="31">
        <v>2</v>
      </c>
      <c r="E20" s="31">
        <v>0</v>
      </c>
      <c r="F20" s="31">
        <v>63</v>
      </c>
      <c r="G20" s="31">
        <v>0</v>
      </c>
      <c r="H20" s="29">
        <v>0.83990147783251234</v>
      </c>
      <c r="I20" s="29">
        <v>4.9261083743842365E-3</v>
      </c>
      <c r="J20" s="29">
        <v>0</v>
      </c>
      <c r="K20" s="29">
        <v>0.15517241379310345</v>
      </c>
      <c r="L20" s="29">
        <v>0</v>
      </c>
      <c r="M20" s="29">
        <v>0.19277108433734941</v>
      </c>
      <c r="N20" s="15">
        <v>33</v>
      </c>
      <c r="O20" s="29">
        <v>0.18367346938775511</v>
      </c>
      <c r="P20" s="15">
        <v>30</v>
      </c>
      <c r="Q20" s="33">
        <v>3278.3128078817736</v>
      </c>
      <c r="R20" s="15">
        <v>13</v>
      </c>
      <c r="S20" s="27"/>
      <c r="T20" s="31">
        <v>343</v>
      </c>
      <c r="U20" s="31">
        <v>269</v>
      </c>
      <c r="V20" s="31">
        <v>0</v>
      </c>
      <c r="W20" s="31">
        <v>0</v>
      </c>
      <c r="X20" s="31">
        <v>74</v>
      </c>
      <c r="Y20" s="31">
        <v>0</v>
      </c>
      <c r="Z20" s="29">
        <v>0.78425655976676389</v>
      </c>
      <c r="AA20" s="29">
        <v>0</v>
      </c>
      <c r="AB20" s="29">
        <v>0</v>
      </c>
      <c r="AC20" s="29">
        <v>0.21574344023323616</v>
      </c>
      <c r="AD20" s="29">
        <v>0</v>
      </c>
      <c r="AE20" s="29">
        <v>0.21167883211678831</v>
      </c>
      <c r="AF20" s="15">
        <v>23</v>
      </c>
      <c r="AG20" s="29">
        <v>0.2610294117647059</v>
      </c>
      <c r="AH20" s="15">
        <v>14</v>
      </c>
      <c r="AI20" s="33">
        <v>3880.4518950437318</v>
      </c>
      <c r="AJ20" s="15">
        <v>13</v>
      </c>
    </row>
    <row r="21" spans="1:36">
      <c r="A21" s="20" t="s">
        <v>29</v>
      </c>
      <c r="B21" s="30">
        <v>408</v>
      </c>
      <c r="C21" s="30">
        <v>182</v>
      </c>
      <c r="D21" s="30">
        <v>1</v>
      </c>
      <c r="E21" s="30">
        <v>3</v>
      </c>
      <c r="F21" s="30">
        <v>222</v>
      </c>
      <c r="G21" s="30">
        <v>0</v>
      </c>
      <c r="H21" s="28">
        <v>0.44607843137254904</v>
      </c>
      <c r="I21" s="28">
        <v>2.4509803921568627E-3</v>
      </c>
      <c r="J21" s="28">
        <v>7.3529411764705881E-3</v>
      </c>
      <c r="K21" s="28">
        <v>0.54411764705882348</v>
      </c>
      <c r="L21" s="28">
        <v>0</v>
      </c>
      <c r="M21" s="28">
        <v>-4.7169811320754715E-3</v>
      </c>
      <c r="N21" s="24">
        <v>50</v>
      </c>
      <c r="O21" s="28">
        <v>2.2556390977443608E-2</v>
      </c>
      <c r="P21" s="24">
        <v>46</v>
      </c>
      <c r="Q21" s="32">
        <v>2880.622549019608</v>
      </c>
      <c r="R21" s="24">
        <v>19</v>
      </c>
      <c r="S21" s="27"/>
      <c r="T21" s="30">
        <v>399</v>
      </c>
      <c r="U21" s="30">
        <v>175</v>
      </c>
      <c r="V21" s="30">
        <v>2</v>
      </c>
      <c r="W21" s="30">
        <v>0</v>
      </c>
      <c r="X21" s="30">
        <v>222</v>
      </c>
      <c r="Y21" s="30">
        <v>0</v>
      </c>
      <c r="Z21" s="28">
        <v>0.43859649122807015</v>
      </c>
      <c r="AA21" s="28">
        <v>5.0125313283208017E-3</v>
      </c>
      <c r="AB21" s="28">
        <v>0</v>
      </c>
      <c r="AC21" s="28">
        <v>0.55639097744360899</v>
      </c>
      <c r="AD21" s="28">
        <v>0</v>
      </c>
      <c r="AE21" s="28">
        <v>0.30864197530864196</v>
      </c>
      <c r="AF21" s="24">
        <v>12</v>
      </c>
      <c r="AG21" s="28">
        <v>0.24299065420560748</v>
      </c>
      <c r="AH21" s="24">
        <v>15</v>
      </c>
      <c r="AI21" s="32">
        <v>2945.5989974937343</v>
      </c>
      <c r="AJ21" s="24">
        <v>25</v>
      </c>
    </row>
    <row r="22" spans="1:36">
      <c r="A22" s="21" t="s">
        <v>30</v>
      </c>
      <c r="B22" s="31">
        <v>1584</v>
      </c>
      <c r="C22" s="31">
        <v>811</v>
      </c>
      <c r="D22" s="31">
        <v>4</v>
      </c>
      <c r="E22" s="31">
        <v>0</v>
      </c>
      <c r="F22" s="31">
        <v>769</v>
      </c>
      <c r="G22" s="31">
        <v>0</v>
      </c>
      <c r="H22" s="29">
        <v>0.5119949494949495</v>
      </c>
      <c r="I22" s="29">
        <v>2.5252525252525255E-3</v>
      </c>
      <c r="J22" s="29">
        <v>0</v>
      </c>
      <c r="K22" s="29">
        <v>0.48547979797979796</v>
      </c>
      <c r="L22" s="29">
        <v>0</v>
      </c>
      <c r="M22" s="29">
        <v>0.25641025641025639</v>
      </c>
      <c r="N22" s="15">
        <v>25</v>
      </c>
      <c r="O22" s="29">
        <v>0.16556291390728478</v>
      </c>
      <c r="P22" s="15">
        <v>34</v>
      </c>
      <c r="Q22" s="33">
        <v>1154.469696969697</v>
      </c>
      <c r="R22" s="15">
        <v>47</v>
      </c>
      <c r="S22" s="27"/>
      <c r="T22" s="31">
        <v>1359</v>
      </c>
      <c r="U22" s="31">
        <v>714</v>
      </c>
      <c r="V22" s="31">
        <v>7</v>
      </c>
      <c r="W22" s="31">
        <v>0</v>
      </c>
      <c r="X22" s="31">
        <v>638</v>
      </c>
      <c r="Y22" s="31">
        <v>0</v>
      </c>
      <c r="Z22" s="29">
        <v>0.52538631346578368</v>
      </c>
      <c r="AA22" s="29">
        <v>5.1508462104488595E-3</v>
      </c>
      <c r="AB22" s="29">
        <v>0</v>
      </c>
      <c r="AC22" s="29">
        <v>0.46946284032376745</v>
      </c>
      <c r="AD22" s="29">
        <v>0</v>
      </c>
      <c r="AE22" s="29">
        <v>0.20205479452054795</v>
      </c>
      <c r="AF22" s="15">
        <v>26</v>
      </c>
      <c r="AG22" s="29">
        <v>0.31051108968177432</v>
      </c>
      <c r="AH22" s="15">
        <v>11</v>
      </c>
      <c r="AI22" s="33">
        <v>1345.6070640176602</v>
      </c>
      <c r="AJ22" s="15">
        <v>48</v>
      </c>
    </row>
    <row r="23" spans="1:36">
      <c r="A23" s="20" t="s">
        <v>31</v>
      </c>
      <c r="B23" s="30">
        <v>1416</v>
      </c>
      <c r="C23" s="30">
        <v>288</v>
      </c>
      <c r="D23" s="30">
        <v>16</v>
      </c>
      <c r="E23" s="30">
        <v>1</v>
      </c>
      <c r="F23" s="30">
        <v>1111</v>
      </c>
      <c r="G23" s="30">
        <v>0</v>
      </c>
      <c r="H23" s="28">
        <v>0.20338983050847459</v>
      </c>
      <c r="I23" s="28">
        <v>1.1299435028248588E-2</v>
      </c>
      <c r="J23" s="28">
        <v>7.0621468926553672E-4</v>
      </c>
      <c r="K23" s="28">
        <v>0.78460451977401124</v>
      </c>
      <c r="L23" s="28">
        <v>0</v>
      </c>
      <c r="M23" s="28">
        <v>0.23166666666666666</v>
      </c>
      <c r="N23" s="24">
        <v>29</v>
      </c>
      <c r="O23" s="28">
        <v>0.24977934686672551</v>
      </c>
      <c r="P23" s="24">
        <v>25</v>
      </c>
      <c r="Q23" s="32">
        <v>1283.1228813559321</v>
      </c>
      <c r="R23" s="24">
        <v>44</v>
      </c>
      <c r="S23" s="27"/>
      <c r="T23" s="30">
        <v>1133</v>
      </c>
      <c r="U23" s="30">
        <v>212</v>
      </c>
      <c r="V23" s="30">
        <v>16</v>
      </c>
      <c r="W23" s="30">
        <v>1</v>
      </c>
      <c r="X23" s="30">
        <v>904</v>
      </c>
      <c r="Y23" s="30">
        <v>0</v>
      </c>
      <c r="Z23" s="28">
        <v>0.18711385701676964</v>
      </c>
      <c r="AA23" s="28">
        <v>1.412180052956752E-2</v>
      </c>
      <c r="AB23" s="28">
        <v>8.8261253309797002E-4</v>
      </c>
      <c r="AC23" s="28">
        <v>0.79788172992056483</v>
      </c>
      <c r="AD23" s="28">
        <v>0</v>
      </c>
      <c r="AE23" s="28">
        <v>0.13421550094517959</v>
      </c>
      <c r="AF23" s="24">
        <v>33</v>
      </c>
      <c r="AG23" s="28">
        <v>0.16563786008230452</v>
      </c>
      <c r="AH23" s="24">
        <v>30</v>
      </c>
      <c r="AI23" s="32">
        <v>1603.6204766107678</v>
      </c>
      <c r="AJ23" s="24">
        <v>41</v>
      </c>
    </row>
    <row r="24" spans="1:36">
      <c r="A24" s="21" t="s">
        <v>32</v>
      </c>
      <c r="B24" s="31">
        <v>66</v>
      </c>
      <c r="C24" s="31">
        <v>53</v>
      </c>
      <c r="D24" s="31">
        <v>3</v>
      </c>
      <c r="E24" s="31">
        <v>0</v>
      </c>
      <c r="F24" s="31">
        <v>10</v>
      </c>
      <c r="G24" s="31">
        <v>0</v>
      </c>
      <c r="H24" s="29">
        <v>0.80303030303030298</v>
      </c>
      <c r="I24" s="29">
        <v>4.5454545454545456E-2</v>
      </c>
      <c r="J24" s="29">
        <v>0</v>
      </c>
      <c r="K24" s="29">
        <v>0.15151515151515152</v>
      </c>
      <c r="L24" s="29">
        <v>0</v>
      </c>
      <c r="M24" s="29">
        <v>-0.1276595744680851</v>
      </c>
      <c r="N24" s="15">
        <v>53</v>
      </c>
      <c r="O24" s="29">
        <v>-7.0422535211267609E-2</v>
      </c>
      <c r="P24" s="15">
        <v>51</v>
      </c>
      <c r="Q24" s="33">
        <v>9171.7878787878781</v>
      </c>
      <c r="R24" s="15">
        <v>1</v>
      </c>
      <c r="S24" s="27"/>
      <c r="T24" s="31">
        <v>71</v>
      </c>
      <c r="U24" s="31">
        <v>54</v>
      </c>
      <c r="V24" s="31">
        <v>2</v>
      </c>
      <c r="W24" s="31">
        <v>0</v>
      </c>
      <c r="X24" s="31">
        <v>15</v>
      </c>
      <c r="Y24" s="31">
        <v>0</v>
      </c>
      <c r="Z24" s="29">
        <v>0.76056338028169013</v>
      </c>
      <c r="AA24" s="29">
        <v>2.8169014084507043E-2</v>
      </c>
      <c r="AB24" s="29">
        <v>0</v>
      </c>
      <c r="AC24" s="29">
        <v>0.21126760563380281</v>
      </c>
      <c r="AD24" s="29">
        <v>0</v>
      </c>
      <c r="AE24" s="29">
        <v>0.6785714285714286</v>
      </c>
      <c r="AF24" s="15">
        <v>3</v>
      </c>
      <c r="AG24" s="29">
        <v>0.20338983050847459</v>
      </c>
      <c r="AH24" s="15">
        <v>23</v>
      </c>
      <c r="AI24" s="33">
        <v>8525.8873239436616</v>
      </c>
      <c r="AJ24" s="15">
        <v>3</v>
      </c>
    </row>
    <row r="25" spans="1:36">
      <c r="A25" s="20" t="s">
        <v>33</v>
      </c>
      <c r="B25" s="30">
        <v>1684</v>
      </c>
      <c r="C25" s="30">
        <v>1010</v>
      </c>
      <c r="D25" s="30">
        <v>9</v>
      </c>
      <c r="E25" s="30">
        <v>0</v>
      </c>
      <c r="F25" s="30">
        <v>665</v>
      </c>
      <c r="G25" s="30">
        <v>0</v>
      </c>
      <c r="H25" s="28">
        <v>0.5997624703087886</v>
      </c>
      <c r="I25" s="28">
        <v>5.3444180522565317E-3</v>
      </c>
      <c r="J25" s="28">
        <v>0</v>
      </c>
      <c r="K25" s="28">
        <v>0.39489311163895485</v>
      </c>
      <c r="L25" s="28">
        <v>0</v>
      </c>
      <c r="M25" s="28">
        <v>0.32718894009216593</v>
      </c>
      <c r="N25" s="24">
        <v>17</v>
      </c>
      <c r="O25" s="28">
        <v>0.29042145593869734</v>
      </c>
      <c r="P25" s="24">
        <v>17</v>
      </c>
      <c r="Q25" s="32">
        <v>1410.9168646080759</v>
      </c>
      <c r="R25" s="24">
        <v>39</v>
      </c>
      <c r="S25" s="27"/>
      <c r="T25" s="30">
        <v>1305</v>
      </c>
      <c r="U25" s="30">
        <v>822</v>
      </c>
      <c r="V25" s="30">
        <v>11</v>
      </c>
      <c r="W25" s="30">
        <v>0</v>
      </c>
      <c r="X25" s="30">
        <v>472</v>
      </c>
      <c r="Y25" s="30">
        <v>0</v>
      </c>
      <c r="Z25" s="28">
        <v>0.62988505747126433</v>
      </c>
      <c r="AA25" s="28">
        <v>8.4291187739463595E-3</v>
      </c>
      <c r="AB25" s="28">
        <v>0</v>
      </c>
      <c r="AC25" s="28">
        <v>0.36168582375478925</v>
      </c>
      <c r="AD25" s="28">
        <v>0</v>
      </c>
      <c r="AE25" s="28">
        <v>0.26653696498054474</v>
      </c>
      <c r="AF25" s="24">
        <v>17</v>
      </c>
      <c r="AG25" s="28">
        <v>0.31552419354838712</v>
      </c>
      <c r="AH25" s="24">
        <v>10</v>
      </c>
      <c r="AI25" s="32">
        <v>1820.6773946360154</v>
      </c>
      <c r="AJ25" s="24">
        <v>37</v>
      </c>
    </row>
    <row r="26" spans="1:36">
      <c r="A26" s="21" t="s">
        <v>34</v>
      </c>
      <c r="B26" s="31">
        <v>651</v>
      </c>
      <c r="C26" s="31">
        <v>382</v>
      </c>
      <c r="D26" s="31">
        <v>16</v>
      </c>
      <c r="E26" s="31">
        <v>0</v>
      </c>
      <c r="F26" s="31">
        <v>253</v>
      </c>
      <c r="G26" s="31">
        <v>0</v>
      </c>
      <c r="H26" s="29">
        <v>0.58678955453149007</v>
      </c>
      <c r="I26" s="29">
        <v>2.4577572964669739E-2</v>
      </c>
      <c r="J26" s="29">
        <v>0</v>
      </c>
      <c r="K26" s="29">
        <v>0.38863287250384027</v>
      </c>
      <c r="L26" s="29">
        <v>0</v>
      </c>
      <c r="M26" s="29">
        <v>0.18352059925093633</v>
      </c>
      <c r="N26" s="15">
        <v>34</v>
      </c>
      <c r="O26" s="29">
        <v>0.32586558044806518</v>
      </c>
      <c r="P26" s="15">
        <v>13</v>
      </c>
      <c r="Q26" s="33">
        <v>4297.6589861751154</v>
      </c>
      <c r="R26" s="15">
        <v>11</v>
      </c>
      <c r="S26" s="27"/>
      <c r="T26" s="31">
        <v>491</v>
      </c>
      <c r="U26" s="31">
        <v>297</v>
      </c>
      <c r="V26" s="31">
        <v>8</v>
      </c>
      <c r="W26" s="31">
        <v>0</v>
      </c>
      <c r="X26" s="31">
        <v>186</v>
      </c>
      <c r="Y26" s="31">
        <v>0</v>
      </c>
      <c r="Z26" s="29">
        <v>0.60488798370672103</v>
      </c>
      <c r="AA26" s="29">
        <v>1.6293279022403257E-2</v>
      </c>
      <c r="AB26" s="29">
        <v>0</v>
      </c>
      <c r="AC26" s="29">
        <v>0.37881873727087578</v>
      </c>
      <c r="AD26" s="29">
        <v>0</v>
      </c>
      <c r="AE26" s="29">
        <v>0.2361111111111111</v>
      </c>
      <c r="AF26" s="15">
        <v>21</v>
      </c>
      <c r="AG26" s="29">
        <v>0.13921113689095127</v>
      </c>
      <c r="AH26" s="15">
        <v>35</v>
      </c>
      <c r="AI26" s="33">
        <v>5698.1181262729124</v>
      </c>
      <c r="AJ26" s="15">
        <v>9</v>
      </c>
    </row>
    <row r="27" spans="1:36">
      <c r="A27" s="20" t="s">
        <v>35</v>
      </c>
      <c r="B27" s="30">
        <v>3052</v>
      </c>
      <c r="C27" s="30">
        <v>2040</v>
      </c>
      <c r="D27" s="30">
        <v>4</v>
      </c>
      <c r="E27" s="30">
        <v>0</v>
      </c>
      <c r="F27" s="30">
        <v>1008</v>
      </c>
      <c r="G27" s="30">
        <v>0</v>
      </c>
      <c r="H27" s="28">
        <v>0.66841415465268672</v>
      </c>
      <c r="I27" s="28">
        <v>1.3106159895150721E-3</v>
      </c>
      <c r="J27" s="28">
        <v>0</v>
      </c>
      <c r="K27" s="28">
        <v>0.33027522935779818</v>
      </c>
      <c r="L27" s="28">
        <v>0</v>
      </c>
      <c r="M27" s="28">
        <v>0.19985358711566617</v>
      </c>
      <c r="N27" s="24">
        <v>32</v>
      </c>
      <c r="O27" s="28">
        <v>0.12041116005873716</v>
      </c>
      <c r="P27" s="24">
        <v>37</v>
      </c>
      <c r="Q27" s="32">
        <v>1340.0373525557011</v>
      </c>
      <c r="R27" s="24">
        <v>42</v>
      </c>
      <c r="S27" s="27"/>
      <c r="T27" s="30">
        <v>2724</v>
      </c>
      <c r="U27" s="30">
        <v>1768</v>
      </c>
      <c r="V27" s="30">
        <v>5</v>
      </c>
      <c r="W27" s="30">
        <v>0</v>
      </c>
      <c r="X27" s="30">
        <v>951</v>
      </c>
      <c r="Y27" s="30">
        <v>0</v>
      </c>
      <c r="Z27" s="28">
        <v>0.64904552129221738</v>
      </c>
      <c r="AA27" s="28">
        <v>1.8355359765051395E-3</v>
      </c>
      <c r="AB27" s="28">
        <v>0</v>
      </c>
      <c r="AC27" s="28">
        <v>0.34911894273127753</v>
      </c>
      <c r="AD27" s="28">
        <v>0</v>
      </c>
      <c r="AE27" s="28">
        <v>0.16453537936913895</v>
      </c>
      <c r="AF27" s="24">
        <v>30</v>
      </c>
      <c r="AG27" s="28">
        <v>0.22097714029583146</v>
      </c>
      <c r="AH27" s="24">
        <v>17</v>
      </c>
      <c r="AI27" s="32">
        <v>1501.3928046989722</v>
      </c>
      <c r="AJ27" s="24">
        <v>43</v>
      </c>
    </row>
    <row r="28" spans="1:36">
      <c r="A28" s="21" t="s">
        <v>36</v>
      </c>
      <c r="B28" s="31">
        <v>1264</v>
      </c>
      <c r="C28" s="31">
        <v>865</v>
      </c>
      <c r="D28" s="31">
        <v>4</v>
      </c>
      <c r="E28" s="31">
        <v>0</v>
      </c>
      <c r="F28" s="31">
        <v>395</v>
      </c>
      <c r="G28" s="31">
        <v>0</v>
      </c>
      <c r="H28" s="29">
        <v>0.68433544303797467</v>
      </c>
      <c r="I28" s="29">
        <v>3.1645569620253164E-3</v>
      </c>
      <c r="J28" s="29">
        <v>0</v>
      </c>
      <c r="K28" s="29">
        <v>0.3125</v>
      </c>
      <c r="L28" s="29">
        <v>0</v>
      </c>
      <c r="M28" s="29">
        <v>0.40256959314775159</v>
      </c>
      <c r="N28" s="15">
        <v>10</v>
      </c>
      <c r="O28" s="29">
        <v>0.4697674418604651</v>
      </c>
      <c r="P28" s="15">
        <v>1</v>
      </c>
      <c r="Q28" s="33">
        <v>1837.1756329113923</v>
      </c>
      <c r="R28" s="15">
        <v>32</v>
      </c>
      <c r="S28" s="27"/>
      <c r="T28" s="31">
        <v>860</v>
      </c>
      <c r="U28" s="31">
        <v>609</v>
      </c>
      <c r="V28" s="31">
        <v>2</v>
      </c>
      <c r="W28" s="31">
        <v>0</v>
      </c>
      <c r="X28" s="31">
        <v>249</v>
      </c>
      <c r="Y28" s="31">
        <v>0</v>
      </c>
      <c r="Z28" s="29">
        <v>0.70813953488372094</v>
      </c>
      <c r="AA28" s="29">
        <v>2.3255813953488372E-3</v>
      </c>
      <c r="AB28" s="29">
        <v>0</v>
      </c>
      <c r="AC28" s="29">
        <v>0.28953488372093023</v>
      </c>
      <c r="AD28" s="29">
        <v>0</v>
      </c>
      <c r="AE28" s="29">
        <v>0.2587601078167116</v>
      </c>
      <c r="AF28" s="15">
        <v>18</v>
      </c>
      <c r="AG28" s="29">
        <v>0.19444444444444445</v>
      </c>
      <c r="AH28" s="15">
        <v>24</v>
      </c>
      <c r="AI28" s="33">
        <v>2700.2209302325582</v>
      </c>
      <c r="AJ28" s="15">
        <v>27</v>
      </c>
    </row>
    <row r="29" spans="1:36">
      <c r="A29" s="20" t="s">
        <v>37</v>
      </c>
      <c r="B29" s="30">
        <v>1299</v>
      </c>
      <c r="C29" s="30">
        <v>501</v>
      </c>
      <c r="D29" s="30">
        <v>7</v>
      </c>
      <c r="E29" s="30">
        <v>0</v>
      </c>
      <c r="F29" s="30">
        <v>791</v>
      </c>
      <c r="G29" s="30">
        <v>0</v>
      </c>
      <c r="H29" s="28">
        <v>0.38568129330254042</v>
      </c>
      <c r="I29" s="28">
        <v>5.3887605850654347E-3</v>
      </c>
      <c r="J29" s="28">
        <v>0</v>
      </c>
      <c r="K29" s="28">
        <v>0.60892994611239415</v>
      </c>
      <c r="L29" s="28">
        <v>0</v>
      </c>
      <c r="M29" s="28">
        <v>-6.3829787234042548E-2</v>
      </c>
      <c r="N29" s="24">
        <v>51</v>
      </c>
      <c r="O29" s="28">
        <v>-3.0698388334612432E-3</v>
      </c>
      <c r="P29" s="24">
        <v>47</v>
      </c>
      <c r="Q29" s="32">
        <v>884.01847575057741</v>
      </c>
      <c r="R29" s="24">
        <v>51</v>
      </c>
      <c r="S29" s="27"/>
      <c r="T29" s="30">
        <v>1303</v>
      </c>
      <c r="U29" s="30">
        <v>513</v>
      </c>
      <c r="V29" s="30">
        <v>13</v>
      </c>
      <c r="W29" s="30">
        <v>0</v>
      </c>
      <c r="X29" s="30">
        <v>777</v>
      </c>
      <c r="Y29" s="30">
        <v>0</v>
      </c>
      <c r="Z29" s="28">
        <v>0.39370683039140447</v>
      </c>
      <c r="AA29" s="28">
        <v>9.9769762087490409E-3</v>
      </c>
      <c r="AB29" s="28">
        <v>0</v>
      </c>
      <c r="AC29" s="28">
        <v>0.59631619339984654</v>
      </c>
      <c r="AD29" s="28">
        <v>0</v>
      </c>
      <c r="AE29" s="28">
        <v>0.41851106639839036</v>
      </c>
      <c r="AF29" s="24">
        <v>4</v>
      </c>
      <c r="AG29" s="28">
        <v>0.40864864864864864</v>
      </c>
      <c r="AH29" s="24">
        <v>6</v>
      </c>
      <c r="AI29" s="32">
        <v>881.30468150422098</v>
      </c>
      <c r="AJ29" s="24">
        <v>51</v>
      </c>
    </row>
    <row r="30" spans="1:36">
      <c r="A30" s="21" t="s">
        <v>38</v>
      </c>
      <c r="B30" s="31">
        <v>1367</v>
      </c>
      <c r="C30" s="31">
        <v>697</v>
      </c>
      <c r="D30" s="31">
        <v>11</v>
      </c>
      <c r="E30" s="31">
        <v>0</v>
      </c>
      <c r="F30" s="31">
        <v>659</v>
      </c>
      <c r="G30" s="31">
        <v>0</v>
      </c>
      <c r="H30" s="29">
        <v>0.50987564008778352</v>
      </c>
      <c r="I30" s="29">
        <v>8.0468178493050477E-3</v>
      </c>
      <c r="J30" s="29">
        <v>0</v>
      </c>
      <c r="K30" s="29">
        <v>0.48207754206291148</v>
      </c>
      <c r="L30" s="29">
        <v>0</v>
      </c>
      <c r="M30" s="29">
        <v>0.10839694656488549</v>
      </c>
      <c r="N30" s="15">
        <v>42</v>
      </c>
      <c r="O30" s="29">
        <v>6.5471551052221355E-2</v>
      </c>
      <c r="P30" s="15">
        <v>43</v>
      </c>
      <c r="Q30" s="33">
        <v>1844.7929773226042</v>
      </c>
      <c r="R30" s="15">
        <v>31</v>
      </c>
      <c r="S30" s="27"/>
      <c r="T30" s="31">
        <v>1283</v>
      </c>
      <c r="U30" s="31">
        <v>612</v>
      </c>
      <c r="V30" s="31">
        <v>10</v>
      </c>
      <c r="W30" s="31">
        <v>0</v>
      </c>
      <c r="X30" s="31">
        <v>661</v>
      </c>
      <c r="Y30" s="31">
        <v>0</v>
      </c>
      <c r="Z30" s="29">
        <v>0.47700701480904129</v>
      </c>
      <c r="AA30" s="29">
        <v>7.7942322681215899E-3</v>
      </c>
      <c r="AB30" s="29">
        <v>0</v>
      </c>
      <c r="AC30" s="29">
        <v>0.51519875292283712</v>
      </c>
      <c r="AD30" s="29">
        <v>0</v>
      </c>
      <c r="AE30" s="29">
        <v>0.25719769673704412</v>
      </c>
      <c r="AF30" s="15">
        <v>19</v>
      </c>
      <c r="AG30" s="29">
        <v>0.21037735849056605</v>
      </c>
      <c r="AH30" s="15">
        <v>22</v>
      </c>
      <c r="AI30" s="33">
        <v>1965.5744349181605</v>
      </c>
      <c r="AJ30" s="15">
        <v>36</v>
      </c>
    </row>
    <row r="31" spans="1:36">
      <c r="A31" s="20" t="s">
        <v>39</v>
      </c>
      <c r="B31" s="30">
        <v>89</v>
      </c>
      <c r="C31" s="30">
        <v>74</v>
      </c>
      <c r="D31" s="30">
        <v>0</v>
      </c>
      <c r="E31" s="30">
        <v>0</v>
      </c>
      <c r="F31" s="30">
        <v>15</v>
      </c>
      <c r="G31" s="30">
        <v>0</v>
      </c>
      <c r="H31" s="28">
        <v>0.8314606741573034</v>
      </c>
      <c r="I31" s="28">
        <v>0</v>
      </c>
      <c r="J31" s="28">
        <v>0</v>
      </c>
      <c r="K31" s="28">
        <v>0.16853932584269662</v>
      </c>
      <c r="L31" s="28">
        <v>0</v>
      </c>
      <c r="M31" s="28">
        <v>4.3478260869565216E-2</v>
      </c>
      <c r="N31" s="24">
        <v>47</v>
      </c>
      <c r="O31" s="28">
        <v>0.25352112676056338</v>
      </c>
      <c r="P31" s="24">
        <v>23</v>
      </c>
      <c r="Q31" s="32">
        <v>5214.2921348314603</v>
      </c>
      <c r="R31" s="24">
        <v>6</v>
      </c>
      <c r="S31" s="27"/>
      <c r="T31" s="30">
        <v>71</v>
      </c>
      <c r="U31" s="30">
        <v>57</v>
      </c>
      <c r="V31" s="30">
        <v>1</v>
      </c>
      <c r="W31" s="30">
        <v>1</v>
      </c>
      <c r="X31" s="30">
        <v>12</v>
      </c>
      <c r="Y31" s="30">
        <v>0</v>
      </c>
      <c r="Z31" s="28">
        <v>0.80281690140845074</v>
      </c>
      <c r="AA31" s="28">
        <v>1.4084507042253521E-2</v>
      </c>
      <c r="AB31" s="28">
        <v>1.4084507042253521E-2</v>
      </c>
      <c r="AC31" s="28">
        <v>0.16901408450704225</v>
      </c>
      <c r="AD31" s="28">
        <v>0</v>
      </c>
      <c r="AE31" s="28">
        <v>0.39393939393939392</v>
      </c>
      <c r="AF31" s="24">
        <v>5</v>
      </c>
      <c r="AG31" s="28">
        <v>0.18333333333333332</v>
      </c>
      <c r="AH31" s="24">
        <v>28</v>
      </c>
      <c r="AI31" s="32">
        <v>6536.2253521126759</v>
      </c>
      <c r="AJ31" s="24">
        <v>5</v>
      </c>
    </row>
    <row r="32" spans="1:36">
      <c r="A32" s="21" t="s">
        <v>40</v>
      </c>
      <c r="B32" s="31">
        <v>298</v>
      </c>
      <c r="C32" s="31">
        <v>198</v>
      </c>
      <c r="D32" s="31">
        <v>5</v>
      </c>
      <c r="E32" s="31">
        <v>1</v>
      </c>
      <c r="F32" s="31">
        <v>94</v>
      </c>
      <c r="G32" s="31">
        <v>0</v>
      </c>
      <c r="H32" s="29">
        <v>0.66442953020134232</v>
      </c>
      <c r="I32" s="29">
        <v>1.6778523489932886E-2</v>
      </c>
      <c r="J32" s="29">
        <v>3.3557046979865771E-3</v>
      </c>
      <c r="K32" s="29">
        <v>0.31543624161073824</v>
      </c>
      <c r="L32" s="29">
        <v>0</v>
      </c>
      <c r="M32" s="29">
        <v>-6.5934065934065936E-2</v>
      </c>
      <c r="N32" s="15">
        <v>52</v>
      </c>
      <c r="O32" s="29">
        <v>-5.0955414012738856E-2</v>
      </c>
      <c r="P32" s="15">
        <v>49</v>
      </c>
      <c r="Q32" s="33">
        <v>2695.1577181208054</v>
      </c>
      <c r="R32" s="15">
        <v>22</v>
      </c>
      <c r="S32" s="27"/>
      <c r="T32" s="31">
        <v>314</v>
      </c>
      <c r="U32" s="31">
        <v>203</v>
      </c>
      <c r="V32" s="31">
        <v>1</v>
      </c>
      <c r="W32" s="31">
        <v>0</v>
      </c>
      <c r="X32" s="31">
        <v>110</v>
      </c>
      <c r="Y32" s="31">
        <v>0</v>
      </c>
      <c r="Z32" s="29">
        <v>0.64649681528662417</v>
      </c>
      <c r="AA32" s="29">
        <v>3.1847133757961785E-3</v>
      </c>
      <c r="AB32" s="29">
        <v>0</v>
      </c>
      <c r="AC32" s="29">
        <v>0.3503184713375796</v>
      </c>
      <c r="AD32" s="29">
        <v>0</v>
      </c>
      <c r="AE32" s="29">
        <v>0.27272727272727271</v>
      </c>
      <c r="AF32" s="15">
        <v>16</v>
      </c>
      <c r="AG32" s="29">
        <v>5.7239057239057242E-2</v>
      </c>
      <c r="AH32" s="15">
        <v>41</v>
      </c>
      <c r="AI32" s="33">
        <v>2557.8248407643314</v>
      </c>
      <c r="AJ32" s="15">
        <v>28</v>
      </c>
    </row>
    <row r="33" spans="1:36">
      <c r="A33" s="20" t="s">
        <v>41</v>
      </c>
      <c r="B33" s="30">
        <v>1099</v>
      </c>
      <c r="C33" s="30">
        <v>857</v>
      </c>
      <c r="D33" s="30">
        <v>18</v>
      </c>
      <c r="E33" s="30">
        <v>0</v>
      </c>
      <c r="F33" s="30">
        <v>224</v>
      </c>
      <c r="G33" s="30">
        <v>0</v>
      </c>
      <c r="H33" s="28">
        <v>0.77979981801637854</v>
      </c>
      <c r="I33" s="28">
        <v>1.637852593266606E-2</v>
      </c>
      <c r="J33" s="28">
        <v>0</v>
      </c>
      <c r="K33" s="28">
        <v>0.20382165605095542</v>
      </c>
      <c r="L33" s="28">
        <v>0</v>
      </c>
      <c r="M33" s="28">
        <v>0.16632016632016633</v>
      </c>
      <c r="N33" s="24">
        <v>37</v>
      </c>
      <c r="O33" s="28">
        <v>0.28238039673278881</v>
      </c>
      <c r="P33" s="24">
        <v>19</v>
      </c>
      <c r="Q33" s="32">
        <v>1090.4058234758872</v>
      </c>
      <c r="R33" s="24">
        <v>48</v>
      </c>
      <c r="S33" s="27"/>
      <c r="T33" s="30">
        <v>857</v>
      </c>
      <c r="U33" s="30">
        <v>659</v>
      </c>
      <c r="V33" s="30">
        <v>13</v>
      </c>
      <c r="W33" s="30">
        <v>0</v>
      </c>
      <c r="X33" s="30">
        <v>185</v>
      </c>
      <c r="Y33" s="30">
        <v>0</v>
      </c>
      <c r="Z33" s="28">
        <v>0.76896149358226373</v>
      </c>
      <c r="AA33" s="28">
        <v>1.5169194865810968E-2</v>
      </c>
      <c r="AB33" s="28">
        <v>0</v>
      </c>
      <c r="AC33" s="28">
        <v>0.21586931155192532</v>
      </c>
      <c r="AD33" s="28">
        <v>0</v>
      </c>
      <c r="AE33" s="28">
        <v>0.11342592592592593</v>
      </c>
      <c r="AF33" s="24">
        <v>35</v>
      </c>
      <c r="AG33" s="28">
        <v>9.8717948717948714E-2</v>
      </c>
      <c r="AH33" s="24">
        <v>38</v>
      </c>
      <c r="AI33" s="32">
        <v>1398.3150525087515</v>
      </c>
      <c r="AJ33" s="24">
        <v>47</v>
      </c>
    </row>
    <row r="34" spans="1:36">
      <c r="A34" s="21" t="s">
        <v>42</v>
      </c>
      <c r="B34" s="31">
        <v>123</v>
      </c>
      <c r="C34" s="31">
        <v>78</v>
      </c>
      <c r="D34" s="31">
        <v>3</v>
      </c>
      <c r="E34" s="31">
        <v>0</v>
      </c>
      <c r="F34" s="31">
        <v>41</v>
      </c>
      <c r="G34" s="31">
        <v>1</v>
      </c>
      <c r="H34" s="29">
        <v>0.63414634146341464</v>
      </c>
      <c r="I34" s="29">
        <v>2.4390243902439025E-2</v>
      </c>
      <c r="J34" s="29">
        <v>0</v>
      </c>
      <c r="K34" s="29">
        <v>0.33333333333333331</v>
      </c>
      <c r="L34" s="29">
        <v>8.130081300813009E-3</v>
      </c>
      <c r="M34" s="29">
        <v>0.2978723404255319</v>
      </c>
      <c r="N34" s="15">
        <v>20</v>
      </c>
      <c r="O34" s="29">
        <v>0.36666666666666664</v>
      </c>
      <c r="P34" s="15">
        <v>6</v>
      </c>
      <c r="Q34" s="33">
        <v>4530.2439024390242</v>
      </c>
      <c r="R34" s="15">
        <v>8</v>
      </c>
      <c r="S34" s="27"/>
      <c r="T34" s="31">
        <v>90</v>
      </c>
      <c r="U34" s="31">
        <v>51</v>
      </c>
      <c r="V34" s="31">
        <v>3</v>
      </c>
      <c r="W34" s="31">
        <v>0</v>
      </c>
      <c r="X34" s="31">
        <v>36</v>
      </c>
      <c r="Y34" s="31">
        <v>0</v>
      </c>
      <c r="Z34" s="29">
        <v>0.56666666666666665</v>
      </c>
      <c r="AA34" s="29">
        <v>3.3333333333333333E-2</v>
      </c>
      <c r="AB34" s="29">
        <v>0</v>
      </c>
      <c r="AC34" s="29">
        <v>0.4</v>
      </c>
      <c r="AD34" s="29">
        <v>0</v>
      </c>
      <c r="AE34" s="29">
        <v>-2.0833333333333332E-2</v>
      </c>
      <c r="AF34" s="15">
        <v>48</v>
      </c>
      <c r="AG34" s="29">
        <v>3.4482758620689655E-2</v>
      </c>
      <c r="AH34" s="15">
        <v>44</v>
      </c>
      <c r="AI34" s="33">
        <v>6191.333333333333</v>
      </c>
      <c r="AJ34" s="15">
        <v>6</v>
      </c>
    </row>
    <row r="35" spans="1:36">
      <c r="A35" s="20" t="s">
        <v>43</v>
      </c>
      <c r="B35" s="30">
        <v>1931</v>
      </c>
      <c r="C35" s="30">
        <v>1067</v>
      </c>
      <c r="D35" s="30">
        <v>74</v>
      </c>
      <c r="E35" s="30">
        <v>1</v>
      </c>
      <c r="F35" s="30">
        <v>789</v>
      </c>
      <c r="G35" s="30">
        <v>0</v>
      </c>
      <c r="H35" s="28">
        <v>0.55256343863283275</v>
      </c>
      <c r="I35" s="28">
        <v>3.8322112894873125E-2</v>
      </c>
      <c r="J35" s="28">
        <v>5.1786639047125837E-4</v>
      </c>
      <c r="K35" s="28">
        <v>0.40859658208182287</v>
      </c>
      <c r="L35" s="28">
        <v>0</v>
      </c>
      <c r="M35" s="28">
        <v>0.31738035264483627</v>
      </c>
      <c r="N35" s="24">
        <v>18</v>
      </c>
      <c r="O35" s="28">
        <v>0.22603174603174603</v>
      </c>
      <c r="P35" s="24">
        <v>28</v>
      </c>
      <c r="Q35" s="32">
        <v>1821.3247022268254</v>
      </c>
      <c r="R35" s="24">
        <v>33</v>
      </c>
      <c r="S35" s="27"/>
      <c r="T35" s="30">
        <v>1575</v>
      </c>
      <c r="U35" s="30">
        <v>793</v>
      </c>
      <c r="V35" s="30">
        <v>19</v>
      </c>
      <c r="W35" s="30">
        <v>0</v>
      </c>
      <c r="X35" s="30">
        <v>763</v>
      </c>
      <c r="Y35" s="30">
        <v>0</v>
      </c>
      <c r="Z35" s="28">
        <v>0.50349206349206355</v>
      </c>
      <c r="AA35" s="28">
        <v>1.2063492063492064E-2</v>
      </c>
      <c r="AB35" s="28">
        <v>0</v>
      </c>
      <c r="AC35" s="28">
        <v>0.48444444444444446</v>
      </c>
      <c r="AD35" s="28">
        <v>0</v>
      </c>
      <c r="AE35" s="28">
        <v>-1.2578616352201257E-3</v>
      </c>
      <c r="AF35" s="24">
        <v>47</v>
      </c>
      <c r="AG35" s="28">
        <v>1.8758085381630013E-2</v>
      </c>
      <c r="AH35" s="24">
        <v>46</v>
      </c>
      <c r="AI35" s="32">
        <v>2233.0019047619048</v>
      </c>
      <c r="AJ35" s="24">
        <v>34</v>
      </c>
    </row>
    <row r="36" spans="1:36">
      <c r="A36" s="21" t="s">
        <v>44</v>
      </c>
      <c r="B36" s="31">
        <v>190</v>
      </c>
      <c r="C36" s="31">
        <v>169</v>
      </c>
      <c r="D36" s="31">
        <v>2</v>
      </c>
      <c r="E36" s="31">
        <v>0</v>
      </c>
      <c r="F36" s="31">
        <v>19</v>
      </c>
      <c r="G36" s="31">
        <v>0</v>
      </c>
      <c r="H36" s="29">
        <v>0.88947368421052631</v>
      </c>
      <c r="I36" s="29">
        <v>1.0526315789473684E-2</v>
      </c>
      <c r="J36" s="29">
        <v>0</v>
      </c>
      <c r="K36" s="29">
        <v>0.1</v>
      </c>
      <c r="L36" s="29">
        <v>0</v>
      </c>
      <c r="M36" s="29">
        <v>6.8181818181818177E-2</v>
      </c>
      <c r="N36" s="15">
        <v>46</v>
      </c>
      <c r="O36" s="29">
        <v>0.31034482758620691</v>
      </c>
      <c r="P36" s="15">
        <v>15</v>
      </c>
      <c r="Q36" s="33">
        <v>4464.3052631578948</v>
      </c>
      <c r="R36" s="15">
        <v>9</v>
      </c>
      <c r="S36" s="27"/>
      <c r="T36" s="31">
        <v>145</v>
      </c>
      <c r="U36" s="31">
        <v>118</v>
      </c>
      <c r="V36" s="31">
        <v>0</v>
      </c>
      <c r="W36" s="31">
        <v>0</v>
      </c>
      <c r="X36" s="31">
        <v>27</v>
      </c>
      <c r="Y36" s="31">
        <v>0</v>
      </c>
      <c r="Z36" s="29">
        <v>0.81379310344827582</v>
      </c>
      <c r="AA36" s="29">
        <v>0</v>
      </c>
      <c r="AB36" s="29">
        <v>0</v>
      </c>
      <c r="AC36" s="29">
        <v>0.18620689655172415</v>
      </c>
      <c r="AD36" s="29">
        <v>0</v>
      </c>
      <c r="AE36" s="29">
        <v>0.20547945205479451</v>
      </c>
      <c r="AF36" s="15">
        <v>25</v>
      </c>
      <c r="AG36" s="29">
        <v>-0.10493827160493827</v>
      </c>
      <c r="AH36" s="15">
        <v>50</v>
      </c>
      <c r="AI36" s="33">
        <v>5849.7793103448275</v>
      </c>
      <c r="AJ36" s="15">
        <v>8</v>
      </c>
    </row>
    <row r="37" spans="1:36">
      <c r="A37" s="20" t="s">
        <v>45</v>
      </c>
      <c r="B37" s="30">
        <v>3182</v>
      </c>
      <c r="C37" s="30">
        <v>1904</v>
      </c>
      <c r="D37" s="30">
        <v>134</v>
      </c>
      <c r="E37" s="30">
        <v>0</v>
      </c>
      <c r="F37" s="30">
        <v>1133</v>
      </c>
      <c r="G37" s="30">
        <v>11</v>
      </c>
      <c r="H37" s="28">
        <v>0.5983658076681333</v>
      </c>
      <c r="I37" s="28">
        <v>4.2111879321181649E-2</v>
      </c>
      <c r="J37" s="28">
        <v>0</v>
      </c>
      <c r="K37" s="28">
        <v>0.35606536769327468</v>
      </c>
      <c r="L37" s="28">
        <v>3.4569453174104338E-3</v>
      </c>
      <c r="M37" s="28">
        <v>0.25615384615384618</v>
      </c>
      <c r="N37" s="24">
        <v>26</v>
      </c>
      <c r="O37" s="28">
        <v>0.24102964118564743</v>
      </c>
      <c r="P37" s="24">
        <v>26</v>
      </c>
      <c r="Q37" s="32">
        <v>2443.2143306096796</v>
      </c>
      <c r="R37" s="24">
        <v>26</v>
      </c>
      <c r="S37" s="27"/>
      <c r="T37" s="30">
        <v>2564</v>
      </c>
      <c r="U37" s="30">
        <v>1478</v>
      </c>
      <c r="V37" s="30">
        <v>92</v>
      </c>
      <c r="W37" s="30">
        <v>2</v>
      </c>
      <c r="X37" s="30">
        <v>980</v>
      </c>
      <c r="Y37" s="30">
        <v>12</v>
      </c>
      <c r="Z37" s="28">
        <v>0.57644305772230886</v>
      </c>
      <c r="AA37" s="28">
        <v>3.5881435257410298E-2</v>
      </c>
      <c r="AB37" s="28">
        <v>7.8003120124804995E-4</v>
      </c>
      <c r="AC37" s="28">
        <v>0.38221528861154447</v>
      </c>
      <c r="AD37" s="28">
        <v>4.6801872074882997E-3</v>
      </c>
      <c r="AE37" s="28">
        <v>0.36125654450261779</v>
      </c>
      <c r="AF37" s="24">
        <v>8</v>
      </c>
      <c r="AG37" s="28">
        <v>0.47018348623853212</v>
      </c>
      <c r="AH37" s="24">
        <v>5</v>
      </c>
      <c r="AI37" s="32">
        <v>3032.1014040561622</v>
      </c>
      <c r="AJ37" s="24">
        <v>24</v>
      </c>
    </row>
    <row r="38" spans="1:36">
      <c r="A38" s="21" t="s">
        <v>46</v>
      </c>
      <c r="B38" s="31">
        <v>1322</v>
      </c>
      <c r="C38" s="31">
        <v>413</v>
      </c>
      <c r="D38" s="31">
        <v>20</v>
      </c>
      <c r="E38" s="31">
        <v>0</v>
      </c>
      <c r="F38" s="31">
        <v>889</v>
      </c>
      <c r="G38" s="31">
        <v>0</v>
      </c>
      <c r="H38" s="29">
        <v>0.3124054462934947</v>
      </c>
      <c r="I38" s="29">
        <v>1.5128593040847202E-2</v>
      </c>
      <c r="J38" s="29">
        <v>0</v>
      </c>
      <c r="K38" s="29">
        <v>0.67246596066565811</v>
      </c>
      <c r="L38" s="29">
        <v>0</v>
      </c>
      <c r="M38" s="29">
        <v>0.27522935779816515</v>
      </c>
      <c r="N38" s="15">
        <v>23</v>
      </c>
      <c r="O38" s="29">
        <v>0.26749760306807285</v>
      </c>
      <c r="P38" s="15">
        <v>21</v>
      </c>
      <c r="Q38" s="33">
        <v>3252.0922844175493</v>
      </c>
      <c r="R38" s="15">
        <v>14</v>
      </c>
      <c r="S38" s="27"/>
      <c r="T38" s="31">
        <v>1043</v>
      </c>
      <c r="U38" s="31">
        <v>292</v>
      </c>
      <c r="V38" s="31">
        <v>12</v>
      </c>
      <c r="W38" s="31">
        <v>1</v>
      </c>
      <c r="X38" s="31">
        <v>737</v>
      </c>
      <c r="Y38" s="31">
        <v>1</v>
      </c>
      <c r="Z38" s="29">
        <v>0.27996164908916588</v>
      </c>
      <c r="AA38" s="29">
        <v>1.1505273250239693E-2</v>
      </c>
      <c r="AB38" s="29">
        <v>9.5877277085330771E-4</v>
      </c>
      <c r="AC38" s="29">
        <v>0.70661553211888783</v>
      </c>
      <c r="AD38" s="29">
        <v>9.5877277085330771E-4</v>
      </c>
      <c r="AE38" s="29">
        <v>0.19517543859649122</v>
      </c>
      <c r="AF38" s="15">
        <v>27</v>
      </c>
      <c r="AG38" s="29">
        <v>0.21703617269544925</v>
      </c>
      <c r="AH38" s="15">
        <v>21</v>
      </c>
      <c r="AI38" s="33">
        <v>4122.0191754554171</v>
      </c>
      <c r="AJ38" s="15">
        <v>12</v>
      </c>
    </row>
    <row r="39" spans="1:36">
      <c r="A39" s="20" t="s">
        <v>47</v>
      </c>
      <c r="B39" s="30">
        <v>77</v>
      </c>
      <c r="C39" s="30">
        <v>66</v>
      </c>
      <c r="D39" s="30">
        <v>1</v>
      </c>
      <c r="E39" s="30">
        <v>0</v>
      </c>
      <c r="F39" s="30">
        <v>10</v>
      </c>
      <c r="G39" s="30">
        <v>0</v>
      </c>
      <c r="H39" s="28">
        <v>0.8571428571428571</v>
      </c>
      <c r="I39" s="28">
        <v>1.2987012987012988E-2</v>
      </c>
      <c r="J39" s="28">
        <v>0</v>
      </c>
      <c r="K39" s="28">
        <v>0.12987012987012986</v>
      </c>
      <c r="L39" s="28">
        <v>0</v>
      </c>
      <c r="M39" s="28">
        <v>0.62962962962962965</v>
      </c>
      <c r="N39" s="24">
        <v>3</v>
      </c>
      <c r="O39" s="28">
        <v>0.42592592592592593</v>
      </c>
      <c r="P39" s="24">
        <v>2</v>
      </c>
      <c r="Q39" s="32">
        <v>4304.9480519480521</v>
      </c>
      <c r="R39" s="24">
        <v>10</v>
      </c>
      <c r="S39" s="27"/>
      <c r="T39" s="30">
        <v>54</v>
      </c>
      <c r="U39" s="30">
        <v>44</v>
      </c>
      <c r="V39" s="30">
        <v>0</v>
      </c>
      <c r="W39" s="30">
        <v>0</v>
      </c>
      <c r="X39" s="30">
        <v>10</v>
      </c>
      <c r="Y39" s="30">
        <v>0</v>
      </c>
      <c r="Z39" s="28">
        <v>0.81481481481481477</v>
      </c>
      <c r="AA39" s="28">
        <v>0</v>
      </c>
      <c r="AB39" s="28">
        <v>0</v>
      </c>
      <c r="AC39" s="28">
        <v>0.18518518518518517</v>
      </c>
      <c r="AD39" s="28">
        <v>0</v>
      </c>
      <c r="AE39" s="28">
        <v>-0.1</v>
      </c>
      <c r="AF39" s="24">
        <v>51</v>
      </c>
      <c r="AG39" s="28">
        <v>3.8461538461538464E-2</v>
      </c>
      <c r="AH39" s="24">
        <v>43</v>
      </c>
      <c r="AI39" s="32">
        <v>6138.5370370370374</v>
      </c>
      <c r="AJ39" s="24">
        <v>7</v>
      </c>
    </row>
    <row r="40" spans="1:36">
      <c r="A40" s="21" t="s">
        <v>48</v>
      </c>
      <c r="B40" s="31">
        <v>3218</v>
      </c>
      <c r="C40" s="31">
        <v>2343</v>
      </c>
      <c r="D40" s="31">
        <v>14</v>
      </c>
      <c r="E40" s="31">
        <v>0</v>
      </c>
      <c r="F40" s="31">
        <v>861</v>
      </c>
      <c r="G40" s="31">
        <v>0</v>
      </c>
      <c r="H40" s="29">
        <v>0.72809198259788688</v>
      </c>
      <c r="I40" s="29">
        <v>4.3505282784338101E-3</v>
      </c>
      <c r="J40" s="29">
        <v>0</v>
      </c>
      <c r="K40" s="29">
        <v>0.26755748912367933</v>
      </c>
      <c r="L40" s="29">
        <v>0</v>
      </c>
      <c r="M40" s="29">
        <v>0.16184573002754821</v>
      </c>
      <c r="N40" s="15">
        <v>38</v>
      </c>
      <c r="O40" s="29">
        <v>0.17018181818181818</v>
      </c>
      <c r="P40" s="15">
        <v>33</v>
      </c>
      <c r="Q40" s="33">
        <v>1515.9123679303916</v>
      </c>
      <c r="R40" s="15">
        <v>38</v>
      </c>
      <c r="S40" s="27"/>
      <c r="T40" s="31">
        <v>2750</v>
      </c>
      <c r="U40" s="31">
        <v>1976</v>
      </c>
      <c r="V40" s="31">
        <v>10</v>
      </c>
      <c r="W40" s="31">
        <v>0</v>
      </c>
      <c r="X40" s="31">
        <v>764</v>
      </c>
      <c r="Y40" s="31">
        <v>0</v>
      </c>
      <c r="Z40" s="29">
        <v>0.7185454545454546</v>
      </c>
      <c r="AA40" s="29">
        <v>3.6363636363636364E-3</v>
      </c>
      <c r="AB40" s="29">
        <v>0</v>
      </c>
      <c r="AC40" s="29">
        <v>0.2778181818181818</v>
      </c>
      <c r="AD40" s="29">
        <v>0</v>
      </c>
      <c r="AE40" s="29">
        <v>0.3724007561436673</v>
      </c>
      <c r="AF40" s="15">
        <v>7</v>
      </c>
      <c r="AG40" s="29">
        <v>0.27551020408163263</v>
      </c>
      <c r="AH40" s="15">
        <v>13</v>
      </c>
      <c r="AI40" s="33">
        <v>1773.8930909090909</v>
      </c>
      <c r="AJ40" s="15">
        <v>38</v>
      </c>
    </row>
    <row r="41" spans="1:36">
      <c r="A41" s="20" t="s">
        <v>49</v>
      </c>
      <c r="B41" s="30">
        <v>807</v>
      </c>
      <c r="C41" s="30">
        <v>621</v>
      </c>
      <c r="D41" s="30">
        <v>1</v>
      </c>
      <c r="E41" s="30">
        <v>0</v>
      </c>
      <c r="F41" s="30">
        <v>185</v>
      </c>
      <c r="G41" s="30">
        <v>0</v>
      </c>
      <c r="H41" s="28">
        <v>0.76951672862453535</v>
      </c>
      <c r="I41" s="28">
        <v>1.2391573729863693E-3</v>
      </c>
      <c r="J41" s="28">
        <v>0</v>
      </c>
      <c r="K41" s="28">
        <v>0.22924411400247832</v>
      </c>
      <c r="L41" s="28">
        <v>0</v>
      </c>
      <c r="M41" s="28">
        <v>0.33136094674556216</v>
      </c>
      <c r="N41" s="24">
        <v>15</v>
      </c>
      <c r="O41" s="28">
        <v>0.20447761194029851</v>
      </c>
      <c r="P41" s="24">
        <v>29</v>
      </c>
      <c r="Q41" s="32">
        <v>1949.4175960346963</v>
      </c>
      <c r="R41" s="24">
        <v>29</v>
      </c>
      <c r="S41" s="27"/>
      <c r="T41" s="30">
        <v>670</v>
      </c>
      <c r="U41" s="30">
        <v>521</v>
      </c>
      <c r="V41" s="30">
        <v>3</v>
      </c>
      <c r="W41" s="30">
        <v>1</v>
      </c>
      <c r="X41" s="30">
        <v>145</v>
      </c>
      <c r="Y41" s="30">
        <v>0</v>
      </c>
      <c r="Z41" s="28">
        <v>0.77761194029850744</v>
      </c>
      <c r="AA41" s="28">
        <v>4.4776119402985077E-3</v>
      </c>
      <c r="AB41" s="28">
        <v>1.4925373134328358E-3</v>
      </c>
      <c r="AC41" s="28">
        <v>0.21641791044776118</v>
      </c>
      <c r="AD41" s="28">
        <v>0</v>
      </c>
      <c r="AE41" s="28">
        <v>0.28030303030303028</v>
      </c>
      <c r="AF41" s="24">
        <v>15</v>
      </c>
      <c r="AG41" s="28">
        <v>0.19005328596802842</v>
      </c>
      <c r="AH41" s="24">
        <v>26</v>
      </c>
      <c r="AI41" s="32">
        <v>2348.0298507462685</v>
      </c>
      <c r="AJ41" s="24">
        <v>32</v>
      </c>
    </row>
    <row r="42" spans="1:36">
      <c r="A42" s="21" t="s">
        <v>50</v>
      </c>
      <c r="B42" s="31">
        <v>993</v>
      </c>
      <c r="C42" s="31">
        <v>713</v>
      </c>
      <c r="D42" s="31">
        <v>6</v>
      </c>
      <c r="E42" s="31">
        <v>1</v>
      </c>
      <c r="F42" s="31">
        <v>273</v>
      </c>
      <c r="G42" s="31">
        <v>0</v>
      </c>
      <c r="H42" s="29">
        <v>0.71802618328298085</v>
      </c>
      <c r="I42" s="29">
        <v>6.0422960725075529E-3</v>
      </c>
      <c r="J42" s="29">
        <v>1.0070493454179255E-3</v>
      </c>
      <c r="K42" s="29">
        <v>0.27492447129909364</v>
      </c>
      <c r="L42" s="29">
        <v>0</v>
      </c>
      <c r="M42" s="29">
        <v>0.52631578947368418</v>
      </c>
      <c r="N42" s="15">
        <v>4</v>
      </c>
      <c r="O42" s="29">
        <v>0.41051136363636365</v>
      </c>
      <c r="P42" s="15">
        <v>3</v>
      </c>
      <c r="Q42" s="33">
        <v>1738.5095669687814</v>
      </c>
      <c r="R42" s="15">
        <v>34</v>
      </c>
      <c r="S42" s="27"/>
      <c r="T42" s="31">
        <v>704</v>
      </c>
      <c r="U42" s="31">
        <v>471</v>
      </c>
      <c r="V42" s="31">
        <v>5</v>
      </c>
      <c r="W42" s="31">
        <v>0</v>
      </c>
      <c r="X42" s="31">
        <v>228</v>
      </c>
      <c r="Y42" s="31">
        <v>0</v>
      </c>
      <c r="Z42" s="29">
        <v>0.66903409090909094</v>
      </c>
      <c r="AA42" s="29">
        <v>7.102272727272727E-3</v>
      </c>
      <c r="AB42" s="29">
        <v>0</v>
      </c>
      <c r="AC42" s="29">
        <v>0.32386363636363635</v>
      </c>
      <c r="AD42" s="29">
        <v>0</v>
      </c>
      <c r="AE42" s="29">
        <v>0.34200743494423791</v>
      </c>
      <c r="AF42" s="15">
        <v>10</v>
      </c>
      <c r="AG42" s="29">
        <v>0.36699029126213595</v>
      </c>
      <c r="AH42" s="15">
        <v>7</v>
      </c>
      <c r="AI42" s="33">
        <v>2452.1875</v>
      </c>
      <c r="AJ42" s="15">
        <v>29</v>
      </c>
    </row>
    <row r="43" spans="1:36">
      <c r="A43" s="20" t="s">
        <v>51</v>
      </c>
      <c r="B43" s="30">
        <v>1830</v>
      </c>
      <c r="C43" s="30">
        <v>940</v>
      </c>
      <c r="D43" s="30">
        <v>10</v>
      </c>
      <c r="E43" s="30">
        <v>0</v>
      </c>
      <c r="F43" s="30">
        <v>880</v>
      </c>
      <c r="G43" s="30">
        <v>0</v>
      </c>
      <c r="H43" s="28">
        <v>0.51366120218579236</v>
      </c>
      <c r="I43" s="28">
        <v>5.4644808743169399E-3</v>
      </c>
      <c r="J43" s="28">
        <v>0</v>
      </c>
      <c r="K43" s="28">
        <v>0.48087431693989069</v>
      </c>
      <c r="L43" s="28">
        <v>0</v>
      </c>
      <c r="M43" s="28">
        <v>0.2257250945775536</v>
      </c>
      <c r="N43" s="24">
        <v>31</v>
      </c>
      <c r="O43" s="28">
        <v>0.17232543241511852</v>
      </c>
      <c r="P43" s="24">
        <v>32</v>
      </c>
      <c r="Q43" s="32">
        <v>2892.9316939890709</v>
      </c>
      <c r="R43" s="24">
        <v>18</v>
      </c>
      <c r="S43" s="27"/>
      <c r="T43" s="30">
        <v>1561</v>
      </c>
      <c r="U43" s="30">
        <v>805</v>
      </c>
      <c r="V43" s="30">
        <v>12</v>
      </c>
      <c r="W43" s="30">
        <v>2</v>
      </c>
      <c r="X43" s="30">
        <v>742</v>
      </c>
      <c r="Y43" s="30">
        <v>0</v>
      </c>
      <c r="Z43" s="28">
        <v>0.51569506726457404</v>
      </c>
      <c r="AA43" s="28">
        <v>7.6873798846893021E-3</v>
      </c>
      <c r="AB43" s="28">
        <v>1.2812299807815502E-3</v>
      </c>
      <c r="AC43" s="28">
        <v>0.47533632286995514</v>
      </c>
      <c r="AD43" s="28">
        <v>0</v>
      </c>
      <c r="AE43" s="28">
        <v>0.10599721059972106</v>
      </c>
      <c r="AF43" s="24">
        <v>36</v>
      </c>
      <c r="AG43" s="28">
        <v>0.13362381989832969</v>
      </c>
      <c r="AH43" s="24">
        <v>36</v>
      </c>
      <c r="AI43" s="32">
        <v>3391.4573991031389</v>
      </c>
      <c r="AJ43" s="24">
        <v>21</v>
      </c>
    </row>
    <row r="44" spans="1:36">
      <c r="A44" s="21" t="s">
        <v>52</v>
      </c>
      <c r="B44" s="31">
        <v>115</v>
      </c>
      <c r="C44" s="31">
        <v>82</v>
      </c>
      <c r="D44" s="31">
        <v>1</v>
      </c>
      <c r="E44" s="31">
        <v>0</v>
      </c>
      <c r="F44" s="31">
        <v>32</v>
      </c>
      <c r="G44" s="31">
        <v>0</v>
      </c>
      <c r="H44" s="29">
        <v>0.71304347826086956</v>
      </c>
      <c r="I44" s="29">
        <v>8.6956521739130436E-3</v>
      </c>
      <c r="J44" s="29">
        <v>0</v>
      </c>
      <c r="K44" s="29">
        <v>0.27826086956521739</v>
      </c>
      <c r="L44" s="29">
        <v>0</v>
      </c>
      <c r="M44" s="29">
        <v>1.5625E-2</v>
      </c>
      <c r="N44" s="15">
        <v>48</v>
      </c>
      <c r="O44" s="29">
        <v>-8.7301587301587297E-2</v>
      </c>
      <c r="P44" s="15">
        <v>52</v>
      </c>
      <c r="Q44" s="33">
        <v>3884.2434782608698</v>
      </c>
      <c r="R44" s="15">
        <v>12</v>
      </c>
      <c r="S44" s="27"/>
      <c r="T44" s="31">
        <v>126</v>
      </c>
      <c r="U44" s="31">
        <v>88</v>
      </c>
      <c r="V44" s="31">
        <v>0</v>
      </c>
      <c r="W44" s="31">
        <v>0</v>
      </c>
      <c r="X44" s="31">
        <v>38</v>
      </c>
      <c r="Y44" s="31">
        <v>0</v>
      </c>
      <c r="Z44" s="29">
        <v>0.69841269841269837</v>
      </c>
      <c r="AA44" s="29">
        <v>0</v>
      </c>
      <c r="AB44" s="29">
        <v>0</v>
      </c>
      <c r="AC44" s="29">
        <v>0.30158730158730157</v>
      </c>
      <c r="AD44" s="29">
        <v>0</v>
      </c>
      <c r="AE44" s="29">
        <v>0.16363636363636364</v>
      </c>
      <c r="AF44" s="15">
        <v>31</v>
      </c>
      <c r="AG44" s="29">
        <v>0.16666666666666666</v>
      </c>
      <c r="AH44" s="15">
        <v>29</v>
      </c>
      <c r="AI44" s="33">
        <v>3545.1428571428573</v>
      </c>
      <c r="AJ44" s="15">
        <v>20</v>
      </c>
    </row>
    <row r="45" spans="1:36">
      <c r="A45" s="20" t="s">
        <v>53</v>
      </c>
      <c r="B45" s="30">
        <v>726</v>
      </c>
      <c r="C45" s="30">
        <v>221</v>
      </c>
      <c r="D45" s="30">
        <v>5</v>
      </c>
      <c r="E45" s="30">
        <v>0</v>
      </c>
      <c r="F45" s="30">
        <v>500</v>
      </c>
      <c r="G45" s="30">
        <v>0</v>
      </c>
      <c r="H45" s="28">
        <v>0.30440771349862261</v>
      </c>
      <c r="I45" s="28">
        <v>6.8870523415977963E-3</v>
      </c>
      <c r="J45" s="28">
        <v>0</v>
      </c>
      <c r="K45" s="28">
        <v>0.68870523415977958</v>
      </c>
      <c r="L45" s="28">
        <v>0</v>
      </c>
      <c r="M45" s="28">
        <v>0.303886925795053</v>
      </c>
      <c r="N45" s="24">
        <v>19</v>
      </c>
      <c r="O45" s="28">
        <v>0.29181494661921709</v>
      </c>
      <c r="P45" s="24">
        <v>16</v>
      </c>
      <c r="Q45" s="32">
        <v>2942.2589531680442</v>
      </c>
      <c r="R45" s="24">
        <v>17</v>
      </c>
      <c r="S45" s="27"/>
      <c r="T45" s="30">
        <v>562</v>
      </c>
      <c r="U45" s="30">
        <v>152</v>
      </c>
      <c r="V45" s="30">
        <v>6</v>
      </c>
      <c r="W45" s="30">
        <v>1</v>
      </c>
      <c r="X45" s="30">
        <v>403</v>
      </c>
      <c r="Y45" s="30">
        <v>0</v>
      </c>
      <c r="Z45" s="28">
        <v>0.27046263345195731</v>
      </c>
      <c r="AA45" s="28">
        <v>1.0676156583629894E-2</v>
      </c>
      <c r="AB45" s="28">
        <v>1.7793594306049821E-3</v>
      </c>
      <c r="AC45" s="28">
        <v>0.7170818505338078</v>
      </c>
      <c r="AD45" s="28">
        <v>0</v>
      </c>
      <c r="AE45" s="28">
        <v>2.1660649819494584E-2</v>
      </c>
      <c r="AF45" s="24">
        <v>45</v>
      </c>
      <c r="AG45" s="28">
        <v>0.14227642276422764</v>
      </c>
      <c r="AH45" s="24">
        <v>34</v>
      </c>
      <c r="AI45" s="32">
        <v>3800.8540925266902</v>
      </c>
      <c r="AJ45" s="24">
        <v>14</v>
      </c>
    </row>
    <row r="46" spans="1:36">
      <c r="A46" s="21" t="s">
        <v>54</v>
      </c>
      <c r="B46" s="31">
        <v>70</v>
      </c>
      <c r="C46" s="31">
        <v>41</v>
      </c>
      <c r="D46" s="31">
        <v>0</v>
      </c>
      <c r="E46" s="31">
        <v>0</v>
      </c>
      <c r="F46" s="31">
        <v>29</v>
      </c>
      <c r="G46" s="31">
        <v>0</v>
      </c>
      <c r="H46" s="29">
        <v>0.58571428571428574</v>
      </c>
      <c r="I46" s="29">
        <v>0</v>
      </c>
      <c r="J46" s="29">
        <v>0</v>
      </c>
      <c r="K46" s="29">
        <v>0.41428571428571431</v>
      </c>
      <c r="L46" s="29">
        <v>0</v>
      </c>
      <c r="M46" s="29">
        <v>0.29629629629629628</v>
      </c>
      <c r="N46" s="15">
        <v>21</v>
      </c>
      <c r="O46" s="29">
        <v>0.34615384615384615</v>
      </c>
      <c r="P46" s="15">
        <v>9</v>
      </c>
      <c r="Q46" s="33">
        <v>5261.4285714285716</v>
      </c>
      <c r="R46" s="15">
        <v>5</v>
      </c>
      <c r="S46" s="27"/>
      <c r="T46" s="31">
        <v>52</v>
      </c>
      <c r="U46" s="31">
        <v>29</v>
      </c>
      <c r="V46" s="31">
        <v>0</v>
      </c>
      <c r="W46" s="31">
        <v>0</v>
      </c>
      <c r="X46" s="31">
        <v>23</v>
      </c>
      <c r="Y46" s="31">
        <v>0</v>
      </c>
      <c r="Z46" s="29">
        <v>0.55769230769230771</v>
      </c>
      <c r="AA46" s="29">
        <v>0</v>
      </c>
      <c r="AB46" s="29">
        <v>0</v>
      </c>
      <c r="AC46" s="29">
        <v>0.44230769230769229</v>
      </c>
      <c r="AD46" s="29">
        <v>0</v>
      </c>
      <c r="AE46" s="29">
        <v>-0.27027027027027029</v>
      </c>
      <c r="AF46" s="15">
        <v>52</v>
      </c>
      <c r="AG46" s="29">
        <v>-0.1875</v>
      </c>
      <c r="AH46" s="15">
        <v>52</v>
      </c>
      <c r="AI46" s="33">
        <v>7082.6923076923076</v>
      </c>
      <c r="AJ46" s="15">
        <v>4</v>
      </c>
    </row>
    <row r="47" spans="1:36">
      <c r="A47" s="20" t="s">
        <v>55</v>
      </c>
      <c r="B47" s="30">
        <v>2802</v>
      </c>
      <c r="C47" s="30">
        <v>1113</v>
      </c>
      <c r="D47" s="30">
        <v>21</v>
      </c>
      <c r="E47" s="30">
        <v>0</v>
      </c>
      <c r="F47" s="30">
        <v>1668</v>
      </c>
      <c r="G47" s="30">
        <v>0</v>
      </c>
      <c r="H47" s="28">
        <v>0.39721627408993576</v>
      </c>
      <c r="I47" s="28">
        <v>7.4946466809421844E-3</v>
      </c>
      <c r="J47" s="28">
        <v>0</v>
      </c>
      <c r="K47" s="28">
        <v>0.59528907922912211</v>
      </c>
      <c r="L47" s="28">
        <v>0</v>
      </c>
      <c r="M47" s="28">
        <v>1.0862186014935505E-2</v>
      </c>
      <c r="N47" s="24">
        <v>49</v>
      </c>
      <c r="O47" s="28">
        <v>-3.9094650205761319E-2</v>
      </c>
      <c r="P47" s="24">
        <v>48</v>
      </c>
      <c r="Q47" s="32">
        <v>1015.9471805852962</v>
      </c>
      <c r="R47" s="24">
        <v>49</v>
      </c>
      <c r="S47" s="27"/>
      <c r="T47" s="30">
        <v>2916</v>
      </c>
      <c r="U47" s="30">
        <v>1074</v>
      </c>
      <c r="V47" s="30">
        <v>19</v>
      </c>
      <c r="W47" s="30">
        <v>0</v>
      </c>
      <c r="X47" s="30">
        <v>1823</v>
      </c>
      <c r="Y47" s="30">
        <v>0</v>
      </c>
      <c r="Z47" s="28">
        <v>0.36831275720164608</v>
      </c>
      <c r="AA47" s="28">
        <v>6.5157750342935529E-3</v>
      </c>
      <c r="AB47" s="28">
        <v>0</v>
      </c>
      <c r="AC47" s="28">
        <v>0.62517146776406041</v>
      </c>
      <c r="AD47" s="28">
        <v>0</v>
      </c>
      <c r="AE47" s="28">
        <v>0.1784</v>
      </c>
      <c r="AF47" s="24">
        <v>29</v>
      </c>
      <c r="AG47" s="28">
        <v>0.24243715381337877</v>
      </c>
      <c r="AH47" s="24">
        <v>16</v>
      </c>
      <c r="AI47" s="32">
        <v>976.22908093278465</v>
      </c>
      <c r="AJ47" s="24">
        <v>50</v>
      </c>
    </row>
    <row r="48" spans="1:36">
      <c r="A48" s="21" t="s">
        <v>56</v>
      </c>
      <c r="B48" s="31">
        <v>4458</v>
      </c>
      <c r="C48" s="31">
        <v>2252</v>
      </c>
      <c r="D48" s="31">
        <v>303</v>
      </c>
      <c r="E48" s="31">
        <v>0</v>
      </c>
      <c r="F48" s="31">
        <v>1902</v>
      </c>
      <c r="G48" s="31">
        <v>1</v>
      </c>
      <c r="H48" s="29">
        <v>0.50515926424405566</v>
      </c>
      <c r="I48" s="29">
        <v>6.7967698519515479E-2</v>
      </c>
      <c r="J48" s="29">
        <v>0</v>
      </c>
      <c r="K48" s="29">
        <v>0.42664872139973081</v>
      </c>
      <c r="L48" s="29">
        <v>2.2431583669807088E-4</v>
      </c>
      <c r="M48" s="29">
        <v>0.43551289742051591</v>
      </c>
      <c r="N48" s="15">
        <v>9</v>
      </c>
      <c r="O48" s="29">
        <v>0.35460346399270737</v>
      </c>
      <c r="P48" s="15">
        <v>8</v>
      </c>
      <c r="Q48" s="33">
        <v>2487.1484970838942</v>
      </c>
      <c r="R48" s="15">
        <v>25</v>
      </c>
      <c r="S48" s="27"/>
      <c r="T48" s="31">
        <v>3291</v>
      </c>
      <c r="U48" s="31">
        <v>1430</v>
      </c>
      <c r="V48" s="31">
        <v>181</v>
      </c>
      <c r="W48" s="31">
        <v>3</v>
      </c>
      <c r="X48" s="31">
        <v>1677</v>
      </c>
      <c r="Y48" s="31">
        <v>0</v>
      </c>
      <c r="Z48" s="29">
        <v>0.43451838347006988</v>
      </c>
      <c r="AA48" s="29">
        <v>5.4998480704952904E-2</v>
      </c>
      <c r="AB48" s="29">
        <v>9.1157702825888785E-4</v>
      </c>
      <c r="AC48" s="29">
        <v>0.50957155879671834</v>
      </c>
      <c r="AD48" s="29">
        <v>0</v>
      </c>
      <c r="AE48" s="29">
        <v>0.37996688741721857</v>
      </c>
      <c r="AF48" s="15">
        <v>6</v>
      </c>
      <c r="AG48" s="29">
        <v>0.32755143202904397</v>
      </c>
      <c r="AH48" s="15">
        <v>9</v>
      </c>
      <c r="AI48" s="33">
        <v>3369.0999696140989</v>
      </c>
      <c r="AJ48" s="15">
        <v>22</v>
      </c>
    </row>
    <row r="49" spans="1:36">
      <c r="A49" s="20" t="s">
        <v>57</v>
      </c>
      <c r="B49" s="30">
        <v>827</v>
      </c>
      <c r="C49" s="30">
        <v>462</v>
      </c>
      <c r="D49" s="30">
        <v>4</v>
      </c>
      <c r="E49" s="30">
        <v>0</v>
      </c>
      <c r="F49" s="30">
        <v>361</v>
      </c>
      <c r="G49" s="30">
        <v>0</v>
      </c>
      <c r="H49" s="28">
        <v>0.55864570737605801</v>
      </c>
      <c r="I49" s="28">
        <v>4.8367593712212815E-3</v>
      </c>
      <c r="J49" s="28">
        <v>0</v>
      </c>
      <c r="K49" s="28">
        <v>0.43651753325272069</v>
      </c>
      <c r="L49" s="28">
        <v>0</v>
      </c>
      <c r="M49" s="28">
        <v>0.25507246376811593</v>
      </c>
      <c r="N49" s="24">
        <v>27</v>
      </c>
      <c r="O49" s="28">
        <v>0.25303030303030305</v>
      </c>
      <c r="P49" s="24">
        <v>24</v>
      </c>
      <c r="Q49" s="32">
        <v>1365.9733978234583</v>
      </c>
      <c r="R49" s="24">
        <v>41</v>
      </c>
      <c r="S49" s="27"/>
      <c r="T49" s="30">
        <v>660</v>
      </c>
      <c r="U49" s="30">
        <v>348</v>
      </c>
      <c r="V49" s="30">
        <v>1</v>
      </c>
      <c r="W49" s="30">
        <v>0</v>
      </c>
      <c r="X49" s="30">
        <v>311</v>
      </c>
      <c r="Y49" s="30">
        <v>0</v>
      </c>
      <c r="Z49" s="28">
        <v>0.52727272727272723</v>
      </c>
      <c r="AA49" s="28">
        <v>1.5151515151515152E-3</v>
      </c>
      <c r="AB49" s="28">
        <v>0</v>
      </c>
      <c r="AC49" s="28">
        <v>0.47121212121212119</v>
      </c>
      <c r="AD49" s="28">
        <v>0</v>
      </c>
      <c r="AE49" s="28">
        <v>0.10576923076923077</v>
      </c>
      <c r="AF49" s="24">
        <v>37</v>
      </c>
      <c r="AG49" s="28">
        <v>6.1093247588424437E-2</v>
      </c>
      <c r="AH49" s="24">
        <v>40</v>
      </c>
      <c r="AI49" s="32">
        <v>1711.6060606060605</v>
      </c>
      <c r="AJ49" s="24">
        <v>40</v>
      </c>
    </row>
    <row r="50" spans="1:36">
      <c r="A50" s="21" t="s">
        <v>58</v>
      </c>
      <c r="B50" s="31">
        <v>40</v>
      </c>
      <c r="C50" s="31">
        <v>32</v>
      </c>
      <c r="D50" s="31">
        <v>0</v>
      </c>
      <c r="E50" s="31">
        <v>0</v>
      </c>
      <c r="F50" s="31">
        <v>8</v>
      </c>
      <c r="G50" s="31">
        <v>0</v>
      </c>
      <c r="H50" s="29">
        <v>0.8</v>
      </c>
      <c r="I50" s="29">
        <v>0</v>
      </c>
      <c r="J50" s="29">
        <v>0</v>
      </c>
      <c r="K50" s="29">
        <v>0.2</v>
      </c>
      <c r="L50" s="29">
        <v>0</v>
      </c>
      <c r="M50" s="29">
        <v>0.36842105263157893</v>
      </c>
      <c r="N50" s="15">
        <v>14</v>
      </c>
      <c r="O50" s="29">
        <v>0.29032258064516131</v>
      </c>
      <c r="P50" s="15">
        <v>18</v>
      </c>
      <c r="Q50" s="33">
        <v>6927.25</v>
      </c>
      <c r="R50" s="15">
        <v>3</v>
      </c>
      <c r="S50" s="27"/>
      <c r="T50" s="31">
        <v>31</v>
      </c>
      <c r="U50" s="31">
        <v>23</v>
      </c>
      <c r="V50" s="31">
        <v>0</v>
      </c>
      <c r="W50" s="31">
        <v>0</v>
      </c>
      <c r="X50" s="31">
        <v>8</v>
      </c>
      <c r="Y50" s="31">
        <v>0</v>
      </c>
      <c r="Z50" s="29">
        <v>0.74193548387096775</v>
      </c>
      <c r="AA50" s="29">
        <v>0</v>
      </c>
      <c r="AB50" s="29">
        <v>0</v>
      </c>
      <c r="AC50" s="29">
        <v>0.25806451612903225</v>
      </c>
      <c r="AD50" s="29">
        <v>0</v>
      </c>
      <c r="AE50" s="29">
        <v>0.35714285714285715</v>
      </c>
      <c r="AF50" s="15">
        <v>9</v>
      </c>
      <c r="AG50" s="29">
        <v>0.47619047619047616</v>
      </c>
      <c r="AH50" s="15">
        <v>4</v>
      </c>
      <c r="AI50" s="33">
        <v>8938.3870967741932</v>
      </c>
      <c r="AJ50" s="15">
        <v>1</v>
      </c>
    </row>
    <row r="51" spans="1:36">
      <c r="A51" s="20" t="s">
        <v>59</v>
      </c>
      <c r="B51" s="30">
        <v>2090</v>
      </c>
      <c r="C51" s="30">
        <v>1137</v>
      </c>
      <c r="D51" s="30">
        <v>7</v>
      </c>
      <c r="E51" s="30">
        <v>0</v>
      </c>
      <c r="F51" s="30">
        <v>946</v>
      </c>
      <c r="G51" s="30">
        <v>0</v>
      </c>
      <c r="H51" s="28">
        <v>0.54401913875598085</v>
      </c>
      <c r="I51" s="28">
        <v>3.3492822966507177E-3</v>
      </c>
      <c r="J51" s="28">
        <v>0</v>
      </c>
      <c r="K51" s="28">
        <v>0.45263157894736844</v>
      </c>
      <c r="L51" s="28">
        <v>0</v>
      </c>
      <c r="M51" s="28">
        <v>7.2124756335282647E-2</v>
      </c>
      <c r="N51" s="24">
        <v>44</v>
      </c>
      <c r="O51" s="28">
        <v>7.6210092687950565E-2</v>
      </c>
      <c r="P51" s="24">
        <v>42</v>
      </c>
      <c r="Q51" s="32">
        <v>1617.5153110047847</v>
      </c>
      <c r="R51" s="24">
        <v>37</v>
      </c>
      <c r="S51" s="27"/>
      <c r="T51" s="30">
        <v>1942</v>
      </c>
      <c r="U51" s="30">
        <v>990</v>
      </c>
      <c r="V51" s="30">
        <v>7</v>
      </c>
      <c r="W51" s="30">
        <v>0</v>
      </c>
      <c r="X51" s="30">
        <v>945</v>
      </c>
      <c r="Y51" s="30">
        <v>0</v>
      </c>
      <c r="Z51" s="28">
        <v>0.509783728115345</v>
      </c>
      <c r="AA51" s="28">
        <v>3.6045314109165809E-3</v>
      </c>
      <c r="AB51" s="28">
        <v>0</v>
      </c>
      <c r="AC51" s="28">
        <v>0.4866117404737384</v>
      </c>
      <c r="AD51" s="28">
        <v>0</v>
      </c>
      <c r="AE51" s="28">
        <v>0.31538461538461537</v>
      </c>
      <c r="AF51" s="24">
        <v>11</v>
      </c>
      <c r="AG51" s="28">
        <v>0.34487534626038779</v>
      </c>
      <c r="AH51" s="24">
        <v>8</v>
      </c>
      <c r="AI51" s="32">
        <v>1740.7863027806386</v>
      </c>
      <c r="AJ51" s="24">
        <v>39</v>
      </c>
    </row>
    <row r="52" spans="1:36">
      <c r="A52" s="21" t="s">
        <v>60</v>
      </c>
      <c r="B52" s="31">
        <v>1158</v>
      </c>
      <c r="C52" s="31">
        <v>872</v>
      </c>
      <c r="D52" s="31">
        <v>11</v>
      </c>
      <c r="E52" s="31">
        <v>0</v>
      </c>
      <c r="F52" s="31">
        <v>273</v>
      </c>
      <c r="G52" s="31">
        <v>2</v>
      </c>
      <c r="H52" s="29">
        <v>0.75302245250431776</v>
      </c>
      <c r="I52" s="29">
        <v>9.4991364421416237E-3</v>
      </c>
      <c r="J52" s="29">
        <v>0</v>
      </c>
      <c r="K52" s="29">
        <v>0.23575129533678757</v>
      </c>
      <c r="L52" s="29">
        <v>1.7271157167530224E-3</v>
      </c>
      <c r="M52" s="29">
        <v>0.37093275488069416</v>
      </c>
      <c r="N52" s="15">
        <v>12</v>
      </c>
      <c r="O52" s="29">
        <v>0.37041420118343193</v>
      </c>
      <c r="P52" s="15">
        <v>5</v>
      </c>
      <c r="Q52" s="33">
        <v>2659.7176165803107</v>
      </c>
      <c r="R52" s="15">
        <v>23</v>
      </c>
      <c r="S52" s="27"/>
      <c r="T52" s="31">
        <v>845</v>
      </c>
      <c r="U52" s="31">
        <v>594</v>
      </c>
      <c r="V52" s="31">
        <v>3</v>
      </c>
      <c r="W52" s="31">
        <v>0</v>
      </c>
      <c r="X52" s="31">
        <v>248</v>
      </c>
      <c r="Y52" s="31">
        <v>0</v>
      </c>
      <c r="Z52" s="29">
        <v>0.70295857988165678</v>
      </c>
      <c r="AA52" s="29">
        <v>3.5502958579881655E-3</v>
      </c>
      <c r="AB52" s="29">
        <v>0</v>
      </c>
      <c r="AC52" s="29">
        <v>0.29349112426035501</v>
      </c>
      <c r="AD52" s="29">
        <v>0</v>
      </c>
      <c r="AE52" s="29">
        <v>0.29859154929577464</v>
      </c>
      <c r="AF52" s="15">
        <v>14</v>
      </c>
      <c r="AG52" s="29">
        <v>0.21933621933621933</v>
      </c>
      <c r="AH52" s="15">
        <v>19</v>
      </c>
      <c r="AI52" s="33">
        <v>3644.9147928994084</v>
      </c>
      <c r="AJ52" s="15">
        <v>17</v>
      </c>
    </row>
    <row r="53" spans="1:36">
      <c r="A53" s="20" t="s">
        <v>61</v>
      </c>
      <c r="B53" s="30">
        <v>270</v>
      </c>
      <c r="C53" s="30">
        <v>203</v>
      </c>
      <c r="D53" s="30">
        <v>3</v>
      </c>
      <c r="E53" s="30">
        <v>0</v>
      </c>
      <c r="F53" s="30">
        <v>64</v>
      </c>
      <c r="G53" s="30">
        <v>0</v>
      </c>
      <c r="H53" s="28">
        <v>0.75185185185185188</v>
      </c>
      <c r="I53" s="28">
        <v>1.1111111111111112E-2</v>
      </c>
      <c r="J53" s="28">
        <v>0</v>
      </c>
      <c r="K53" s="28">
        <v>0.23703703703703705</v>
      </c>
      <c r="L53" s="28">
        <v>0</v>
      </c>
      <c r="M53" s="28">
        <v>0.43809523809523809</v>
      </c>
      <c r="N53" s="24">
        <v>8</v>
      </c>
      <c r="O53" s="28">
        <v>0.35678391959798994</v>
      </c>
      <c r="P53" s="24">
        <v>7</v>
      </c>
      <c r="Q53" s="32">
        <v>2727.1888888888889</v>
      </c>
      <c r="R53" s="24">
        <v>20</v>
      </c>
      <c r="S53" s="27"/>
      <c r="T53" s="30">
        <v>199</v>
      </c>
      <c r="U53" s="30">
        <v>154</v>
      </c>
      <c r="V53" s="30">
        <v>2</v>
      </c>
      <c r="W53" s="30">
        <v>0</v>
      </c>
      <c r="X53" s="30">
        <v>43</v>
      </c>
      <c r="Y53" s="30">
        <v>0</v>
      </c>
      <c r="Z53" s="28">
        <v>0.77386934673366836</v>
      </c>
      <c r="AA53" s="28">
        <v>1.0050251256281407E-2</v>
      </c>
      <c r="AB53" s="28">
        <v>0</v>
      </c>
      <c r="AC53" s="28">
        <v>0.21608040201005024</v>
      </c>
      <c r="AD53" s="28">
        <v>0</v>
      </c>
      <c r="AE53" s="28">
        <v>0.05</v>
      </c>
      <c r="AF53" s="24">
        <v>42</v>
      </c>
      <c r="AG53" s="28">
        <v>-2.9268292682926831E-2</v>
      </c>
      <c r="AH53" s="24">
        <v>49</v>
      </c>
      <c r="AI53" s="32">
        <v>3700.2060301507536</v>
      </c>
      <c r="AJ53" s="24">
        <v>15</v>
      </c>
    </row>
    <row r="54" spans="1:36">
      <c r="A54" s="21" t="s">
        <v>62</v>
      </c>
      <c r="B54" s="31">
        <v>1332</v>
      </c>
      <c r="C54" s="31">
        <v>787</v>
      </c>
      <c r="D54" s="31">
        <v>6</v>
      </c>
      <c r="E54" s="31">
        <v>0</v>
      </c>
      <c r="F54" s="31">
        <v>537</v>
      </c>
      <c r="G54" s="31">
        <v>2</v>
      </c>
      <c r="H54" s="29">
        <v>0.59084084084084088</v>
      </c>
      <c r="I54" s="29">
        <v>4.5045045045045045E-3</v>
      </c>
      <c r="J54" s="29">
        <v>0</v>
      </c>
      <c r="K54" s="29">
        <v>0.40315315315315314</v>
      </c>
      <c r="L54" s="29">
        <v>1.5015015015015015E-3</v>
      </c>
      <c r="M54" s="29">
        <v>0.26964285714285713</v>
      </c>
      <c r="N54" s="15">
        <v>24</v>
      </c>
      <c r="O54" s="29">
        <v>0.27099236641221375</v>
      </c>
      <c r="P54" s="15">
        <v>20</v>
      </c>
      <c r="Q54" s="33">
        <v>1870.2109609609611</v>
      </c>
      <c r="R54" s="15">
        <v>30</v>
      </c>
      <c r="S54" s="27"/>
      <c r="T54" s="31">
        <v>1048</v>
      </c>
      <c r="U54" s="31">
        <v>621</v>
      </c>
      <c r="V54" s="31">
        <v>2</v>
      </c>
      <c r="W54" s="31">
        <v>0</v>
      </c>
      <c r="X54" s="31">
        <v>425</v>
      </c>
      <c r="Y54" s="31">
        <v>0</v>
      </c>
      <c r="Z54" s="29">
        <v>0.59255725190839692</v>
      </c>
      <c r="AA54" s="29">
        <v>1.9083969465648854E-3</v>
      </c>
      <c r="AB54" s="29">
        <v>0</v>
      </c>
      <c r="AC54" s="29">
        <v>0.40553435114503816</v>
      </c>
      <c r="AD54" s="29">
        <v>0</v>
      </c>
      <c r="AE54" s="29">
        <v>2.564102564102564E-2</v>
      </c>
      <c r="AF54" s="15">
        <v>44</v>
      </c>
      <c r="AG54" s="29">
        <v>3.0481809242871191E-2</v>
      </c>
      <c r="AH54" s="15">
        <v>45</v>
      </c>
      <c r="AI54" s="33">
        <v>2377.0238549618321</v>
      </c>
      <c r="AJ54" s="15">
        <v>31</v>
      </c>
    </row>
    <row r="55" spans="1:36">
      <c r="A55" s="20" t="s">
        <v>63</v>
      </c>
      <c r="B55" s="30">
        <v>47</v>
      </c>
      <c r="C55" s="30">
        <v>32</v>
      </c>
      <c r="D55" s="30">
        <v>3</v>
      </c>
      <c r="E55" s="30">
        <v>0</v>
      </c>
      <c r="F55" s="30">
        <v>12</v>
      </c>
      <c r="G55" s="30">
        <v>0</v>
      </c>
      <c r="H55" s="28">
        <v>0.68085106382978722</v>
      </c>
      <c r="I55" s="28">
        <v>6.3829787234042548E-2</v>
      </c>
      <c r="J55" s="28">
        <v>0</v>
      </c>
      <c r="K55" s="28">
        <v>0.25531914893617019</v>
      </c>
      <c r="L55" s="28">
        <v>0</v>
      </c>
      <c r="M55" s="28">
        <v>0.45</v>
      </c>
      <c r="N55" s="24">
        <v>6</v>
      </c>
      <c r="O55" s="28">
        <v>4.4444444444444446E-2</v>
      </c>
      <c r="P55" s="24">
        <v>45</v>
      </c>
      <c r="Q55" s="32">
        <v>5177.0425531914898</v>
      </c>
      <c r="R55" s="24">
        <v>7</v>
      </c>
      <c r="S55" s="27"/>
      <c r="T55" s="30">
        <v>45</v>
      </c>
      <c r="U55" s="30">
        <v>35</v>
      </c>
      <c r="V55" s="30">
        <v>0</v>
      </c>
      <c r="W55" s="30">
        <v>0</v>
      </c>
      <c r="X55" s="30">
        <v>10</v>
      </c>
      <c r="Y55" s="30">
        <v>0</v>
      </c>
      <c r="Z55" s="28">
        <v>0.77777777777777779</v>
      </c>
      <c r="AA55" s="28">
        <v>0</v>
      </c>
      <c r="AB55" s="28">
        <v>0</v>
      </c>
      <c r="AC55" s="28">
        <v>0.22222222222222221</v>
      </c>
      <c r="AD55" s="28">
        <v>0</v>
      </c>
      <c r="AE55" s="28">
        <v>-0.31034482758620691</v>
      </c>
      <c r="AF55" s="24">
        <v>53</v>
      </c>
      <c r="AG55" s="28">
        <v>-0.11764705882352941</v>
      </c>
      <c r="AH55" s="24">
        <v>51</v>
      </c>
      <c r="AI55" s="32">
        <v>5407.1333333333332</v>
      </c>
      <c r="AJ55" s="24">
        <v>10</v>
      </c>
    </row>
    <row r="56" spans="1:36">
      <c r="A56" s="21" t="s">
        <v>64</v>
      </c>
      <c r="B56" s="31">
        <v>71626</v>
      </c>
      <c r="C56" s="31">
        <v>40772</v>
      </c>
      <c r="D56" s="31">
        <v>1159</v>
      </c>
      <c r="E56" s="31">
        <v>21</v>
      </c>
      <c r="F56" s="31">
        <v>29609</v>
      </c>
      <c r="G56" s="31">
        <v>65</v>
      </c>
      <c r="H56" s="29">
        <v>0.5692346354675677</v>
      </c>
      <c r="I56" s="29">
        <v>1.6181274956021556E-2</v>
      </c>
      <c r="J56" s="29">
        <v>2.9318962387959682E-4</v>
      </c>
      <c r="K56" s="29">
        <v>0.41338340825957054</v>
      </c>
      <c r="L56" s="29">
        <v>9.074916929606567E-4</v>
      </c>
      <c r="M56" s="29">
        <v>0.21870657056979412</v>
      </c>
      <c r="N56" s="15"/>
      <c r="O56" s="29">
        <v>0.20081142703862662</v>
      </c>
      <c r="P56" s="15"/>
      <c r="Q56" s="33"/>
      <c r="R56" s="15"/>
      <c r="S56" s="27"/>
      <c r="T56" s="31">
        <v>59648</v>
      </c>
      <c r="U56" s="31">
        <v>32508</v>
      </c>
      <c r="V56" s="31">
        <v>831</v>
      </c>
      <c r="W56" s="31">
        <v>14</v>
      </c>
      <c r="X56" s="31">
        <v>26273</v>
      </c>
      <c r="Y56" s="31">
        <v>22</v>
      </c>
      <c r="Z56" s="29">
        <v>0.54499731759656656</v>
      </c>
      <c r="AA56" s="29">
        <v>1.3931732832618025E-2</v>
      </c>
      <c r="AB56" s="29">
        <v>2.3471030042918455E-4</v>
      </c>
      <c r="AC56" s="29">
        <v>0.44046740879828328</v>
      </c>
      <c r="AD56" s="29">
        <v>3.6883047210300432E-4</v>
      </c>
      <c r="AE56" s="29">
        <v>0.1851610679128203</v>
      </c>
      <c r="AF56" s="15"/>
      <c r="AG56" s="29">
        <v>0.18733204610147899</v>
      </c>
      <c r="AH56" s="15"/>
      <c r="AI56" s="33"/>
      <c r="AJ56" s="15"/>
    </row>
    <row r="57" spans="1:36">
      <c r="A57" s="20"/>
      <c r="B57" s="30"/>
      <c r="C57" s="30"/>
      <c r="D57" s="30"/>
      <c r="E57" s="30"/>
      <c r="F57" s="30"/>
      <c r="G57" s="30"/>
      <c r="H57" s="28"/>
      <c r="I57" s="28"/>
      <c r="J57" s="28"/>
      <c r="K57" s="28"/>
      <c r="L57" s="28"/>
      <c r="M57" s="28"/>
      <c r="N57" s="24"/>
      <c r="O57" s="28"/>
      <c r="P57" s="24"/>
      <c r="Q57" s="32"/>
      <c r="R57" s="24"/>
      <c r="S57" s="27"/>
      <c r="T57" s="30"/>
      <c r="U57" s="30"/>
      <c r="V57" s="30"/>
      <c r="W57" s="30"/>
      <c r="X57" s="30"/>
      <c r="Y57" s="30"/>
      <c r="Z57" s="28"/>
      <c r="AA57" s="28"/>
      <c r="AB57" s="28"/>
      <c r="AC57" s="28"/>
      <c r="AD57" s="28"/>
      <c r="AE57" s="28"/>
      <c r="AF57" s="24"/>
      <c r="AG57" s="28"/>
      <c r="AH57" s="24"/>
      <c r="AI57" s="32"/>
      <c r="AJ57" s="24"/>
    </row>
    <row r="58" spans="1:36">
      <c r="A58" s="21" t="s">
        <v>183</v>
      </c>
      <c r="B58" s="31">
        <v>2</v>
      </c>
      <c r="C58" s="31">
        <v>1</v>
      </c>
      <c r="D58" s="31">
        <v>0</v>
      </c>
      <c r="E58" s="31">
        <v>0</v>
      </c>
      <c r="F58" s="31">
        <v>1</v>
      </c>
      <c r="G58" s="31">
        <v>0</v>
      </c>
      <c r="H58" s="29">
        <v>0.5</v>
      </c>
      <c r="I58" s="29">
        <v>0</v>
      </c>
      <c r="J58" s="29">
        <v>0</v>
      </c>
      <c r="K58" s="29">
        <v>0.5</v>
      </c>
      <c r="L58" s="29">
        <v>0</v>
      </c>
      <c r="M58" s="29">
        <v>1</v>
      </c>
      <c r="N58" s="15">
        <v>1</v>
      </c>
      <c r="O58" s="29">
        <v>-0.33333333333333331</v>
      </c>
      <c r="P58" s="15">
        <v>53</v>
      </c>
      <c r="Q58" s="33"/>
      <c r="R58" s="15"/>
      <c r="S58" s="27"/>
      <c r="T58" s="31">
        <v>3</v>
      </c>
      <c r="U58" s="31">
        <v>1</v>
      </c>
      <c r="V58" s="31">
        <v>0</v>
      </c>
      <c r="W58" s="31">
        <v>0</v>
      </c>
      <c r="X58" s="31">
        <v>2</v>
      </c>
      <c r="Y58" s="31">
        <v>0</v>
      </c>
      <c r="Z58" s="29">
        <v>0.33333333333333331</v>
      </c>
      <c r="AA58" s="29">
        <v>0</v>
      </c>
      <c r="AB58" s="29">
        <v>0</v>
      </c>
      <c r="AC58" s="29">
        <v>0.66666666666666663</v>
      </c>
      <c r="AD58" s="29">
        <v>0</v>
      </c>
      <c r="AE58" s="29">
        <v>0</v>
      </c>
      <c r="AF58" s="15">
        <v>46</v>
      </c>
      <c r="AG58" s="29">
        <v>-0.5</v>
      </c>
      <c r="AH58" s="15">
        <v>53</v>
      </c>
      <c r="AI58" s="33"/>
      <c r="AJ58" s="15"/>
    </row>
    <row r="59" spans="1:36">
      <c r="A59" s="20" t="s">
        <v>65</v>
      </c>
      <c r="B59" s="30">
        <v>780</v>
      </c>
      <c r="C59" s="30">
        <v>255</v>
      </c>
      <c r="D59" s="30">
        <v>9</v>
      </c>
      <c r="E59" s="30">
        <v>3</v>
      </c>
      <c r="F59" s="30">
        <v>513</v>
      </c>
      <c r="G59" s="30">
        <v>0</v>
      </c>
      <c r="H59" s="28">
        <v>0.32692307692307693</v>
      </c>
      <c r="I59" s="28">
        <v>1.1538461538461539E-2</v>
      </c>
      <c r="J59" s="28">
        <v>3.8461538461538464E-3</v>
      </c>
      <c r="K59" s="28">
        <v>0.65769230769230769</v>
      </c>
      <c r="L59" s="28">
        <v>0</v>
      </c>
      <c r="M59" s="28">
        <v>0.37026239067055394</v>
      </c>
      <c r="N59" s="24">
        <v>13</v>
      </c>
      <c r="O59" s="28">
        <v>0.33561643835616439</v>
      </c>
      <c r="P59" s="24">
        <v>10</v>
      </c>
      <c r="Q59" s="32">
        <v>1652.9628205128206</v>
      </c>
      <c r="R59" s="24">
        <v>36</v>
      </c>
      <c r="S59" s="27"/>
      <c r="T59" s="30">
        <v>584</v>
      </c>
      <c r="U59" s="30">
        <v>183</v>
      </c>
      <c r="V59" s="30">
        <v>10</v>
      </c>
      <c r="W59" s="30">
        <v>2</v>
      </c>
      <c r="X59" s="30">
        <v>389</v>
      </c>
      <c r="Y59" s="30">
        <v>0</v>
      </c>
      <c r="Z59" s="28">
        <v>0.31335616438356162</v>
      </c>
      <c r="AA59" s="28">
        <v>1.7123287671232876E-2</v>
      </c>
      <c r="AB59" s="28">
        <v>3.4246575342465752E-3</v>
      </c>
      <c r="AC59" s="28">
        <v>0.66609589041095896</v>
      </c>
      <c r="AD59" s="28">
        <v>0</v>
      </c>
      <c r="AE59" s="28">
        <v>0.20774647887323944</v>
      </c>
      <c r="AF59" s="24">
        <v>24</v>
      </c>
      <c r="AG59" s="28">
        <v>0.18940936863543789</v>
      </c>
      <c r="AH59" s="24">
        <v>27</v>
      </c>
      <c r="AI59" s="32">
        <v>2207.7243150684931</v>
      </c>
      <c r="AJ59" s="24">
        <v>35</v>
      </c>
    </row>
    <row r="60" spans="1:36">
      <c r="A60" s="21" t="s">
        <v>67</v>
      </c>
      <c r="B60" s="31">
        <v>72408</v>
      </c>
      <c r="C60" s="31">
        <v>41028</v>
      </c>
      <c r="D60" s="31">
        <v>1168</v>
      </c>
      <c r="E60" s="31">
        <v>24</v>
      </c>
      <c r="F60" s="31">
        <v>30123</v>
      </c>
      <c r="G60" s="31">
        <v>65</v>
      </c>
      <c r="H60" s="29"/>
      <c r="I60" s="29"/>
      <c r="J60" s="29"/>
      <c r="K60" s="29"/>
      <c r="L60" s="29"/>
      <c r="M60" s="15"/>
      <c r="N60" s="15"/>
      <c r="O60" s="15"/>
      <c r="P60" s="15"/>
      <c r="Q60" s="34"/>
      <c r="R60" s="15"/>
      <c r="T60" s="31">
        <v>60235</v>
      </c>
      <c r="U60" s="31">
        <v>32692</v>
      </c>
      <c r="V60" s="31">
        <v>841</v>
      </c>
      <c r="W60" s="31">
        <v>16</v>
      </c>
      <c r="X60" s="31">
        <v>26664</v>
      </c>
      <c r="Y60" s="31">
        <v>22</v>
      </c>
      <c r="Z60" s="29"/>
      <c r="AA60" s="29"/>
      <c r="AB60" s="29"/>
      <c r="AC60" s="29"/>
      <c r="AD60" s="29"/>
      <c r="AE60" s="15"/>
      <c r="AF60" s="15"/>
      <c r="AG60" s="15"/>
      <c r="AH60" s="15"/>
      <c r="AI60" s="34"/>
      <c r="AJ60" s="15"/>
    </row>
  </sheetData>
  <mergeCells count="47">
    <mergeCell ref="W3:W4"/>
    <mergeCell ref="AB3:AB4"/>
    <mergeCell ref="AG2:AH2"/>
    <mergeCell ref="U2:Y2"/>
    <mergeCell ref="Z2:AD2"/>
    <mergeCell ref="Y3:Y4"/>
    <mergeCell ref="AD3:AD4"/>
    <mergeCell ref="A2:A4"/>
    <mergeCell ref="M2:N2"/>
    <mergeCell ref="O2:P2"/>
    <mergeCell ref="E3:E4"/>
    <mergeCell ref="J3:J4"/>
    <mergeCell ref="M3:M4"/>
    <mergeCell ref="O3:O4"/>
    <mergeCell ref="B2:B4"/>
    <mergeCell ref="G3:G4"/>
    <mergeCell ref="C2:G2"/>
    <mergeCell ref="L3:L4"/>
    <mergeCell ref="H2:L2"/>
    <mergeCell ref="B1:R1"/>
    <mergeCell ref="P3:P4"/>
    <mergeCell ref="Q3:Q4"/>
    <mergeCell ref="H3:H4"/>
    <mergeCell ref="I3:I4"/>
    <mergeCell ref="K3:K4"/>
    <mergeCell ref="Q2:R2"/>
    <mergeCell ref="C3:C4"/>
    <mergeCell ref="D3:D4"/>
    <mergeCell ref="F3:F4"/>
    <mergeCell ref="R3:R4"/>
    <mergeCell ref="N3:N4"/>
    <mergeCell ref="T1:AJ1"/>
    <mergeCell ref="T2:T4"/>
    <mergeCell ref="Z3:Z4"/>
    <mergeCell ref="AA3:AA4"/>
    <mergeCell ref="AC3:AC4"/>
    <mergeCell ref="AF3:AF4"/>
    <mergeCell ref="AH3:AH4"/>
    <mergeCell ref="AI3:AI4"/>
    <mergeCell ref="AJ3:AJ4"/>
    <mergeCell ref="AE2:AF2"/>
    <mergeCell ref="V3:V4"/>
    <mergeCell ref="X3:X4"/>
    <mergeCell ref="AI2:AJ2"/>
    <mergeCell ref="U3:U4"/>
    <mergeCell ref="AE3:AE4"/>
    <mergeCell ref="AG3:AG4"/>
  </mergeCells>
  <pageMargins left="0.7" right="0.7" top="0.75" bottom="0.75" header="0.3" footer="0.3"/>
  <pageSetup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BB100"/>
  <sheetViews>
    <sheetView zoomScale="80" zoomScaleNormal="80" workbookViewId="0">
      <pane xSplit="1" ySplit="3" topLeftCell="B4" activePane="bottomRight" state="frozen"/>
      <selection activeCell="B19" sqref="B19"/>
      <selection pane="topRight" activeCell="B19" sqref="B19"/>
      <selection pane="bottomLeft" activeCell="B19" sqref="B19"/>
      <selection pane="bottomRight" activeCell="B4" sqref="B4"/>
    </sheetView>
  </sheetViews>
  <sheetFormatPr defaultRowHeight="14.5"/>
  <cols>
    <col min="1" max="1" width="27.7265625" bestFit="1" customWidth="1"/>
    <col min="2" max="27" width="8.7265625" customWidth="1"/>
    <col min="28" max="28" width="6.7265625" customWidth="1"/>
    <col min="29" max="46" width="8.7265625" customWidth="1"/>
    <col min="47" max="47" width="9.1796875" bestFit="1" customWidth="1"/>
    <col min="48" max="54" width="8.7265625" customWidth="1"/>
  </cols>
  <sheetData>
    <row r="1" spans="1:54" s="8" customFormat="1" ht="50.15" customHeight="1">
      <c r="A1" s="23"/>
      <c r="B1" s="48">
        <v>2024</v>
      </c>
      <c r="C1" s="48"/>
      <c r="D1" s="48"/>
      <c r="E1" s="48"/>
      <c r="F1" s="48"/>
      <c r="G1" s="48"/>
      <c r="H1" s="48"/>
      <c r="I1" s="48"/>
      <c r="J1" s="48"/>
      <c r="K1" s="48"/>
      <c r="L1" s="48"/>
      <c r="M1" s="48"/>
      <c r="N1" s="48"/>
      <c r="O1" s="48"/>
      <c r="P1" s="48"/>
      <c r="Q1" s="48"/>
      <c r="R1" s="48"/>
      <c r="S1" s="48"/>
      <c r="T1" s="48"/>
      <c r="U1" s="48"/>
      <c r="V1" s="48"/>
      <c r="W1" s="48"/>
      <c r="X1" s="48"/>
      <c r="Y1" s="48"/>
      <c r="Z1" s="48"/>
      <c r="AA1" s="48"/>
      <c r="AB1" s="23"/>
      <c r="AC1" s="48">
        <v>2023</v>
      </c>
      <c r="AD1" s="48"/>
      <c r="AE1" s="48"/>
      <c r="AF1" s="48"/>
      <c r="AG1" s="48"/>
      <c r="AH1" s="48"/>
      <c r="AI1" s="48"/>
      <c r="AJ1" s="48"/>
      <c r="AK1" s="48"/>
      <c r="AL1" s="48"/>
      <c r="AM1" s="48"/>
      <c r="AN1" s="48"/>
      <c r="AO1" s="48"/>
      <c r="AP1" s="48"/>
      <c r="AQ1" s="48"/>
      <c r="AR1" s="48"/>
      <c r="AS1" s="48"/>
      <c r="AT1" s="48"/>
      <c r="AU1" s="48"/>
      <c r="AV1" s="48"/>
      <c r="AW1" s="48"/>
      <c r="AX1" s="48"/>
      <c r="AY1" s="48"/>
      <c r="AZ1" s="48"/>
      <c r="BA1" s="48"/>
      <c r="BB1" s="48"/>
    </row>
    <row r="2" spans="1:54" ht="16.5" customHeight="1">
      <c r="A2" s="57" t="s">
        <v>72</v>
      </c>
      <c r="B2" s="59" t="s">
        <v>194</v>
      </c>
      <c r="C2" s="59"/>
      <c r="D2" s="59"/>
      <c r="E2" s="59"/>
      <c r="F2" s="59"/>
      <c r="G2" s="59"/>
      <c r="H2" s="59"/>
      <c r="I2" s="59"/>
      <c r="J2" s="59"/>
      <c r="K2" s="59"/>
      <c r="L2" s="59"/>
      <c r="M2" s="59"/>
      <c r="N2" s="59"/>
      <c r="O2" s="58" t="s">
        <v>200</v>
      </c>
      <c r="P2" s="58"/>
      <c r="Q2" s="58"/>
      <c r="R2" s="58"/>
      <c r="S2" s="58"/>
      <c r="T2" s="58"/>
      <c r="U2" s="58"/>
      <c r="V2" s="58"/>
      <c r="W2" s="59" t="s">
        <v>186</v>
      </c>
      <c r="X2" s="59"/>
      <c r="Y2" s="59"/>
      <c r="Z2" s="59"/>
      <c r="AA2" s="59"/>
      <c r="AB2" s="15"/>
      <c r="AC2" s="59" t="s">
        <v>189</v>
      </c>
      <c r="AD2" s="59"/>
      <c r="AE2" s="59"/>
      <c r="AF2" s="59"/>
      <c r="AG2" s="59"/>
      <c r="AH2" s="59"/>
      <c r="AI2" s="59"/>
      <c r="AJ2" s="59"/>
      <c r="AK2" s="59"/>
      <c r="AL2" s="59"/>
      <c r="AM2" s="59"/>
      <c r="AN2" s="59"/>
      <c r="AO2" s="59"/>
      <c r="AP2" s="58" t="s">
        <v>200</v>
      </c>
      <c r="AQ2" s="58"/>
      <c r="AR2" s="58"/>
      <c r="AS2" s="58"/>
      <c r="AT2" s="58"/>
      <c r="AU2" s="58"/>
      <c r="AV2" s="58"/>
      <c r="AW2" s="58"/>
      <c r="AX2" s="59" t="s">
        <v>186</v>
      </c>
      <c r="AY2" s="59"/>
      <c r="AZ2" s="59"/>
      <c r="BA2" s="59"/>
      <c r="BB2" s="59"/>
    </row>
    <row r="3" spans="1:54" ht="70" customHeight="1">
      <c r="A3" s="57"/>
      <c r="B3" s="13" t="s">
        <v>0</v>
      </c>
      <c r="C3" s="13" t="s">
        <v>1</v>
      </c>
      <c r="D3" s="13" t="s">
        <v>2</v>
      </c>
      <c r="E3" s="13" t="s">
        <v>3</v>
      </c>
      <c r="F3" s="13" t="s">
        <v>4</v>
      </c>
      <c r="G3" s="13" t="s">
        <v>5</v>
      </c>
      <c r="H3" s="13" t="s">
        <v>6</v>
      </c>
      <c r="I3" s="13" t="s">
        <v>7</v>
      </c>
      <c r="J3" s="13" t="s">
        <v>8</v>
      </c>
      <c r="K3" s="13" t="s">
        <v>9</v>
      </c>
      <c r="L3" s="13" t="s">
        <v>10</v>
      </c>
      <c r="M3" s="13" t="s">
        <v>11</v>
      </c>
      <c r="N3" s="12" t="s">
        <v>67</v>
      </c>
      <c r="O3" s="1" t="s">
        <v>172</v>
      </c>
      <c r="P3" s="1" t="s">
        <v>173</v>
      </c>
      <c r="Q3" s="1" t="s">
        <v>174</v>
      </c>
      <c r="R3" s="1" t="s">
        <v>76</v>
      </c>
      <c r="S3" s="2" t="s">
        <v>171</v>
      </c>
      <c r="T3" s="1" t="s">
        <v>66</v>
      </c>
      <c r="U3" s="2" t="s">
        <v>195</v>
      </c>
      <c r="V3" s="2" t="s">
        <v>182</v>
      </c>
      <c r="W3" s="12" t="s">
        <v>74</v>
      </c>
      <c r="X3" s="12" t="s">
        <v>173</v>
      </c>
      <c r="Y3" s="12" t="s">
        <v>174</v>
      </c>
      <c r="Z3" s="12" t="s">
        <v>76</v>
      </c>
      <c r="AA3" s="12" t="s">
        <v>170</v>
      </c>
      <c r="AB3" s="15"/>
      <c r="AC3" s="13" t="s">
        <v>0</v>
      </c>
      <c r="AD3" s="13" t="s">
        <v>1</v>
      </c>
      <c r="AE3" s="13" t="s">
        <v>2</v>
      </c>
      <c r="AF3" s="13" t="s">
        <v>3</v>
      </c>
      <c r="AG3" s="13" t="s">
        <v>4</v>
      </c>
      <c r="AH3" s="13" t="s">
        <v>5</v>
      </c>
      <c r="AI3" s="13" t="s">
        <v>6</v>
      </c>
      <c r="AJ3" s="13" t="s">
        <v>7</v>
      </c>
      <c r="AK3" s="13" t="s">
        <v>8</v>
      </c>
      <c r="AL3" s="13" t="s">
        <v>9</v>
      </c>
      <c r="AM3" s="13" t="s">
        <v>10</v>
      </c>
      <c r="AN3" s="13" t="s">
        <v>11</v>
      </c>
      <c r="AO3" s="12" t="s">
        <v>67</v>
      </c>
      <c r="AP3" s="1" t="s">
        <v>172</v>
      </c>
      <c r="AQ3" s="1" t="s">
        <v>173</v>
      </c>
      <c r="AR3" s="1" t="s">
        <v>174</v>
      </c>
      <c r="AS3" s="1" t="s">
        <v>76</v>
      </c>
      <c r="AT3" s="2" t="s">
        <v>171</v>
      </c>
      <c r="AU3" s="1" t="s">
        <v>66</v>
      </c>
      <c r="AV3" s="2" t="s">
        <v>190</v>
      </c>
      <c r="AW3" s="2" t="s">
        <v>182</v>
      </c>
      <c r="AX3" s="12" t="s">
        <v>74</v>
      </c>
      <c r="AY3" s="12" t="s">
        <v>173</v>
      </c>
      <c r="AZ3" s="12" t="s">
        <v>174</v>
      </c>
      <c r="BA3" s="12" t="s">
        <v>76</v>
      </c>
      <c r="BB3" s="12" t="s">
        <v>170</v>
      </c>
    </row>
    <row r="4" spans="1:54">
      <c r="A4" s="16" t="s">
        <v>78</v>
      </c>
      <c r="B4" s="25">
        <v>455</v>
      </c>
      <c r="C4" s="25">
        <v>467</v>
      </c>
      <c r="D4" s="25">
        <v>0</v>
      </c>
      <c r="E4" s="25">
        <v>0</v>
      </c>
      <c r="F4" s="25">
        <v>0</v>
      </c>
      <c r="G4" s="25">
        <v>0</v>
      </c>
      <c r="H4" s="25">
        <v>0</v>
      </c>
      <c r="I4" s="25">
        <v>0</v>
      </c>
      <c r="J4" s="25">
        <v>0</v>
      </c>
      <c r="K4" s="25">
        <v>0</v>
      </c>
      <c r="L4" s="25">
        <v>0</v>
      </c>
      <c r="M4" s="25">
        <v>0</v>
      </c>
      <c r="N4" s="25">
        <v>922</v>
      </c>
      <c r="O4" s="25">
        <v>160</v>
      </c>
      <c r="P4" s="25">
        <v>0</v>
      </c>
      <c r="Q4" s="25">
        <v>0</v>
      </c>
      <c r="R4" s="25">
        <v>761</v>
      </c>
      <c r="S4" s="25">
        <v>0</v>
      </c>
      <c r="T4" s="25">
        <v>921</v>
      </c>
      <c r="U4" s="28">
        <v>9.3824228028503556E-2</v>
      </c>
      <c r="V4" s="24">
        <v>71</v>
      </c>
      <c r="W4" s="25">
        <v>161</v>
      </c>
      <c r="X4" s="25">
        <v>0</v>
      </c>
      <c r="Y4" s="25">
        <v>0</v>
      </c>
      <c r="Z4" s="25">
        <v>761</v>
      </c>
      <c r="AA4" s="25">
        <v>0</v>
      </c>
      <c r="AB4" s="27"/>
      <c r="AC4" s="25">
        <v>436</v>
      </c>
      <c r="AD4" s="25">
        <v>409</v>
      </c>
      <c r="AE4" s="25">
        <v>483</v>
      </c>
      <c r="AF4" s="25">
        <v>448</v>
      </c>
      <c r="AG4" s="25">
        <v>443</v>
      </c>
      <c r="AH4" s="25">
        <v>443</v>
      </c>
      <c r="AI4" s="25">
        <v>456</v>
      </c>
      <c r="AJ4" s="25">
        <v>523</v>
      </c>
      <c r="AK4" s="25">
        <v>504</v>
      </c>
      <c r="AL4" s="25">
        <v>469</v>
      </c>
      <c r="AM4" s="25">
        <v>455</v>
      </c>
      <c r="AN4" s="25">
        <v>415</v>
      </c>
      <c r="AO4" s="25">
        <v>5484</v>
      </c>
      <c r="AP4" s="25">
        <v>143</v>
      </c>
      <c r="AQ4" s="25">
        <v>0</v>
      </c>
      <c r="AR4" s="25">
        <v>0</v>
      </c>
      <c r="AS4" s="25">
        <v>699</v>
      </c>
      <c r="AT4" s="25">
        <v>0</v>
      </c>
      <c r="AU4" s="25">
        <v>842</v>
      </c>
      <c r="AV4" s="28">
        <v>0.15818431911966988</v>
      </c>
      <c r="AW4" s="24">
        <v>52</v>
      </c>
      <c r="AX4" s="25">
        <v>146</v>
      </c>
      <c r="AY4" s="25">
        <v>0</v>
      </c>
      <c r="AZ4" s="25">
        <v>0</v>
      </c>
      <c r="BA4" s="25">
        <v>699</v>
      </c>
      <c r="BB4" s="25">
        <v>0</v>
      </c>
    </row>
    <row r="5" spans="1:54">
      <c r="A5" s="17" t="s">
        <v>79</v>
      </c>
      <c r="B5" s="26">
        <v>647</v>
      </c>
      <c r="C5" s="26">
        <v>766</v>
      </c>
      <c r="D5" s="26">
        <v>0</v>
      </c>
      <c r="E5" s="26">
        <v>0</v>
      </c>
      <c r="F5" s="26">
        <v>0</v>
      </c>
      <c r="G5" s="26">
        <v>0</v>
      </c>
      <c r="H5" s="26">
        <v>0</v>
      </c>
      <c r="I5" s="26">
        <v>0</v>
      </c>
      <c r="J5" s="26">
        <v>0</v>
      </c>
      <c r="K5" s="26">
        <v>0</v>
      </c>
      <c r="L5" s="26">
        <v>0</v>
      </c>
      <c r="M5" s="26">
        <v>0</v>
      </c>
      <c r="N5" s="26">
        <v>1413</v>
      </c>
      <c r="O5" s="26">
        <v>539</v>
      </c>
      <c r="P5" s="26">
        <v>2</v>
      </c>
      <c r="Q5" s="26">
        <v>0</v>
      </c>
      <c r="R5" s="26">
        <v>865</v>
      </c>
      <c r="S5" s="26">
        <v>0</v>
      </c>
      <c r="T5" s="26">
        <v>1406</v>
      </c>
      <c r="U5" s="29">
        <v>0.12300319488817892</v>
      </c>
      <c r="V5" s="15">
        <v>65</v>
      </c>
      <c r="W5" s="26">
        <v>543</v>
      </c>
      <c r="X5" s="26">
        <v>5</v>
      </c>
      <c r="Y5" s="26">
        <v>0</v>
      </c>
      <c r="Z5" s="26">
        <v>865</v>
      </c>
      <c r="AA5" s="26">
        <v>0</v>
      </c>
      <c r="AB5" s="27"/>
      <c r="AC5" s="26">
        <v>614</v>
      </c>
      <c r="AD5" s="26">
        <v>647</v>
      </c>
      <c r="AE5" s="26">
        <v>861</v>
      </c>
      <c r="AF5" s="26">
        <v>719</v>
      </c>
      <c r="AG5" s="26">
        <v>740</v>
      </c>
      <c r="AH5" s="26">
        <v>707</v>
      </c>
      <c r="AI5" s="26">
        <v>701</v>
      </c>
      <c r="AJ5" s="26">
        <v>872</v>
      </c>
      <c r="AK5" s="26">
        <v>795</v>
      </c>
      <c r="AL5" s="26">
        <v>839</v>
      </c>
      <c r="AM5" s="26">
        <v>741</v>
      </c>
      <c r="AN5" s="26">
        <v>691</v>
      </c>
      <c r="AO5" s="26">
        <v>8927</v>
      </c>
      <c r="AP5" s="26">
        <v>443</v>
      </c>
      <c r="AQ5" s="26">
        <v>3</v>
      </c>
      <c r="AR5" s="26">
        <v>0</v>
      </c>
      <c r="AS5" s="26">
        <v>806</v>
      </c>
      <c r="AT5" s="26">
        <v>0</v>
      </c>
      <c r="AU5" s="26">
        <v>1252</v>
      </c>
      <c r="AV5" s="29">
        <v>0.12894499549143373</v>
      </c>
      <c r="AW5" s="15">
        <v>61</v>
      </c>
      <c r="AX5" s="26">
        <v>447</v>
      </c>
      <c r="AY5" s="26">
        <v>8</v>
      </c>
      <c r="AZ5" s="26">
        <v>0</v>
      </c>
      <c r="BA5" s="26">
        <v>806</v>
      </c>
      <c r="BB5" s="26">
        <v>0</v>
      </c>
    </row>
    <row r="6" spans="1:54">
      <c r="A6" s="16" t="s">
        <v>80</v>
      </c>
      <c r="B6" s="25">
        <v>267</v>
      </c>
      <c r="C6" s="25">
        <v>294</v>
      </c>
      <c r="D6" s="25">
        <v>0</v>
      </c>
      <c r="E6" s="25">
        <v>0</v>
      </c>
      <c r="F6" s="25">
        <v>0</v>
      </c>
      <c r="G6" s="25">
        <v>0</v>
      </c>
      <c r="H6" s="25">
        <v>0</v>
      </c>
      <c r="I6" s="25">
        <v>0</v>
      </c>
      <c r="J6" s="25">
        <v>0</v>
      </c>
      <c r="K6" s="25">
        <v>0</v>
      </c>
      <c r="L6" s="25">
        <v>0</v>
      </c>
      <c r="M6" s="25">
        <v>0</v>
      </c>
      <c r="N6" s="25">
        <v>561</v>
      </c>
      <c r="O6" s="25">
        <v>104</v>
      </c>
      <c r="P6" s="25">
        <v>0</v>
      </c>
      <c r="Q6" s="25">
        <v>0</v>
      </c>
      <c r="R6" s="25">
        <v>454</v>
      </c>
      <c r="S6" s="25">
        <v>0</v>
      </c>
      <c r="T6" s="25">
        <v>558</v>
      </c>
      <c r="U6" s="28">
        <v>0.10495049504950495</v>
      </c>
      <c r="V6" s="24">
        <v>70</v>
      </c>
      <c r="W6" s="25">
        <v>105</v>
      </c>
      <c r="X6" s="25">
        <v>2</v>
      </c>
      <c r="Y6" s="25">
        <v>0</v>
      </c>
      <c r="Z6" s="25">
        <v>454</v>
      </c>
      <c r="AA6" s="25">
        <v>0</v>
      </c>
      <c r="AB6" s="27"/>
      <c r="AC6" s="25">
        <v>231</v>
      </c>
      <c r="AD6" s="25">
        <v>274</v>
      </c>
      <c r="AE6" s="25">
        <v>291</v>
      </c>
      <c r="AF6" s="25">
        <v>259</v>
      </c>
      <c r="AG6" s="25">
        <v>268</v>
      </c>
      <c r="AH6" s="25">
        <v>275</v>
      </c>
      <c r="AI6" s="25">
        <v>268</v>
      </c>
      <c r="AJ6" s="25">
        <v>310</v>
      </c>
      <c r="AK6" s="25">
        <v>287</v>
      </c>
      <c r="AL6" s="25">
        <v>308</v>
      </c>
      <c r="AM6" s="25">
        <v>304</v>
      </c>
      <c r="AN6" s="25">
        <v>263</v>
      </c>
      <c r="AO6" s="25">
        <v>3338</v>
      </c>
      <c r="AP6" s="25">
        <v>103</v>
      </c>
      <c r="AQ6" s="25">
        <v>0</v>
      </c>
      <c r="AR6" s="25">
        <v>0</v>
      </c>
      <c r="AS6" s="25">
        <v>402</v>
      </c>
      <c r="AT6" s="25">
        <v>0</v>
      </c>
      <c r="AU6" s="25">
        <v>505</v>
      </c>
      <c r="AV6" s="28">
        <v>0.24691358024691357</v>
      </c>
      <c r="AW6" s="24">
        <v>31</v>
      </c>
      <c r="AX6" s="25">
        <v>103</v>
      </c>
      <c r="AY6" s="25">
        <v>0</v>
      </c>
      <c r="AZ6" s="25">
        <v>0</v>
      </c>
      <c r="BA6" s="25">
        <v>402</v>
      </c>
      <c r="BB6" s="25">
        <v>0</v>
      </c>
    </row>
    <row r="7" spans="1:54">
      <c r="A7" s="17" t="s">
        <v>77</v>
      </c>
      <c r="B7" s="26">
        <v>12</v>
      </c>
      <c r="C7" s="26">
        <v>21</v>
      </c>
      <c r="D7" s="26">
        <v>0</v>
      </c>
      <c r="E7" s="26">
        <v>0</v>
      </c>
      <c r="F7" s="26">
        <v>0</v>
      </c>
      <c r="G7" s="26">
        <v>0</v>
      </c>
      <c r="H7" s="26">
        <v>0</v>
      </c>
      <c r="I7" s="26">
        <v>0</v>
      </c>
      <c r="J7" s="26">
        <v>0</v>
      </c>
      <c r="K7" s="26">
        <v>0</v>
      </c>
      <c r="L7" s="26">
        <v>0</v>
      </c>
      <c r="M7" s="26">
        <v>0</v>
      </c>
      <c r="N7" s="26">
        <v>33</v>
      </c>
      <c r="O7" s="26">
        <v>24</v>
      </c>
      <c r="P7" s="26">
        <v>0</v>
      </c>
      <c r="Q7" s="26">
        <v>0</v>
      </c>
      <c r="R7" s="26">
        <v>7</v>
      </c>
      <c r="S7" s="26">
        <v>0</v>
      </c>
      <c r="T7" s="26">
        <v>31</v>
      </c>
      <c r="U7" s="29">
        <v>3.3333333333333333E-2</v>
      </c>
      <c r="V7" s="15">
        <v>77</v>
      </c>
      <c r="W7" s="26">
        <v>24</v>
      </c>
      <c r="X7" s="26">
        <v>0</v>
      </c>
      <c r="Y7" s="26">
        <v>1</v>
      </c>
      <c r="Z7" s="26">
        <v>7</v>
      </c>
      <c r="AA7" s="26">
        <v>1</v>
      </c>
      <c r="AB7" s="27"/>
      <c r="AC7" s="26">
        <v>13</v>
      </c>
      <c r="AD7" s="26">
        <v>18</v>
      </c>
      <c r="AE7" s="26">
        <v>22</v>
      </c>
      <c r="AF7" s="26">
        <v>18</v>
      </c>
      <c r="AG7" s="26">
        <v>28</v>
      </c>
      <c r="AH7" s="26">
        <v>22</v>
      </c>
      <c r="AI7" s="26">
        <v>14</v>
      </c>
      <c r="AJ7" s="26">
        <v>18</v>
      </c>
      <c r="AK7" s="26">
        <v>17</v>
      </c>
      <c r="AL7" s="26">
        <v>13</v>
      </c>
      <c r="AM7" s="26">
        <v>14</v>
      </c>
      <c r="AN7" s="26">
        <v>12</v>
      </c>
      <c r="AO7" s="26">
        <v>209</v>
      </c>
      <c r="AP7" s="26">
        <v>21</v>
      </c>
      <c r="AQ7" s="26">
        <v>0</v>
      </c>
      <c r="AR7" s="26">
        <v>0</v>
      </c>
      <c r="AS7" s="26">
        <v>9</v>
      </c>
      <c r="AT7" s="26">
        <v>0</v>
      </c>
      <c r="AU7" s="26">
        <v>30</v>
      </c>
      <c r="AV7" s="29">
        <v>1</v>
      </c>
      <c r="AW7" s="15">
        <v>1</v>
      </c>
      <c r="AX7" s="26">
        <v>22</v>
      </c>
      <c r="AY7" s="26">
        <v>0</v>
      </c>
      <c r="AZ7" s="26">
        <v>0</v>
      </c>
      <c r="BA7" s="26">
        <v>9</v>
      </c>
      <c r="BB7" s="26">
        <v>0</v>
      </c>
    </row>
    <row r="8" spans="1:54">
      <c r="A8" s="16" t="s">
        <v>83</v>
      </c>
      <c r="B8" s="25">
        <v>750</v>
      </c>
      <c r="C8" s="25">
        <v>711</v>
      </c>
      <c r="D8" s="25">
        <v>0</v>
      </c>
      <c r="E8" s="25">
        <v>0</v>
      </c>
      <c r="F8" s="25">
        <v>0</v>
      </c>
      <c r="G8" s="25">
        <v>0</v>
      </c>
      <c r="H8" s="25">
        <v>0</v>
      </c>
      <c r="I8" s="25">
        <v>0</v>
      </c>
      <c r="J8" s="25">
        <v>0</v>
      </c>
      <c r="K8" s="25">
        <v>0</v>
      </c>
      <c r="L8" s="25">
        <v>0</v>
      </c>
      <c r="M8" s="25">
        <v>0</v>
      </c>
      <c r="N8" s="25">
        <v>1461</v>
      </c>
      <c r="O8" s="25">
        <v>1132</v>
      </c>
      <c r="P8" s="25">
        <v>5</v>
      </c>
      <c r="Q8" s="25">
        <v>0</v>
      </c>
      <c r="R8" s="25">
        <v>293</v>
      </c>
      <c r="S8" s="25">
        <v>0</v>
      </c>
      <c r="T8" s="25">
        <v>1430</v>
      </c>
      <c r="U8" s="28">
        <v>0.22013651877133106</v>
      </c>
      <c r="V8" s="24">
        <v>39</v>
      </c>
      <c r="W8" s="25">
        <v>1149</v>
      </c>
      <c r="X8" s="25">
        <v>18</v>
      </c>
      <c r="Y8" s="25">
        <v>0</v>
      </c>
      <c r="Z8" s="25">
        <v>294</v>
      </c>
      <c r="AA8" s="25">
        <v>0</v>
      </c>
      <c r="AB8" s="27"/>
      <c r="AC8" s="25">
        <v>558</v>
      </c>
      <c r="AD8" s="25">
        <v>628</v>
      </c>
      <c r="AE8" s="25">
        <v>821</v>
      </c>
      <c r="AF8" s="25">
        <v>795</v>
      </c>
      <c r="AG8" s="25">
        <v>764</v>
      </c>
      <c r="AH8" s="25">
        <v>799</v>
      </c>
      <c r="AI8" s="25">
        <v>748</v>
      </c>
      <c r="AJ8" s="25">
        <v>906</v>
      </c>
      <c r="AK8" s="25">
        <v>894</v>
      </c>
      <c r="AL8" s="25">
        <v>859</v>
      </c>
      <c r="AM8" s="25">
        <v>810</v>
      </c>
      <c r="AN8" s="25">
        <v>751</v>
      </c>
      <c r="AO8" s="25">
        <v>9333</v>
      </c>
      <c r="AP8" s="25">
        <v>957</v>
      </c>
      <c r="AQ8" s="25">
        <v>4</v>
      </c>
      <c r="AR8" s="25">
        <v>0</v>
      </c>
      <c r="AS8" s="25">
        <v>211</v>
      </c>
      <c r="AT8" s="25">
        <v>0</v>
      </c>
      <c r="AU8" s="25">
        <v>1172</v>
      </c>
      <c r="AV8" s="28">
        <v>3.8086802480070861E-2</v>
      </c>
      <c r="AW8" s="24">
        <v>78</v>
      </c>
      <c r="AX8" s="25">
        <v>963</v>
      </c>
      <c r="AY8" s="25">
        <v>12</v>
      </c>
      <c r="AZ8" s="25">
        <v>0</v>
      </c>
      <c r="BA8" s="25">
        <v>211</v>
      </c>
      <c r="BB8" s="25">
        <v>0</v>
      </c>
    </row>
    <row r="9" spans="1:54">
      <c r="A9" s="17" t="s">
        <v>81</v>
      </c>
      <c r="B9" s="26">
        <v>272</v>
      </c>
      <c r="C9" s="26">
        <v>381</v>
      </c>
      <c r="D9" s="26">
        <v>0</v>
      </c>
      <c r="E9" s="26">
        <v>0</v>
      </c>
      <c r="F9" s="26">
        <v>0</v>
      </c>
      <c r="G9" s="26">
        <v>0</v>
      </c>
      <c r="H9" s="26">
        <v>0</v>
      </c>
      <c r="I9" s="26">
        <v>0</v>
      </c>
      <c r="J9" s="26">
        <v>0</v>
      </c>
      <c r="K9" s="26">
        <v>0</v>
      </c>
      <c r="L9" s="26">
        <v>0</v>
      </c>
      <c r="M9" s="26">
        <v>0</v>
      </c>
      <c r="N9" s="26">
        <v>653</v>
      </c>
      <c r="O9" s="26">
        <v>259</v>
      </c>
      <c r="P9" s="26">
        <v>0</v>
      </c>
      <c r="Q9" s="26">
        <v>2</v>
      </c>
      <c r="R9" s="26">
        <v>384</v>
      </c>
      <c r="S9" s="26">
        <v>0</v>
      </c>
      <c r="T9" s="26">
        <v>645</v>
      </c>
      <c r="U9" s="29">
        <v>0.14564831261101244</v>
      </c>
      <c r="V9" s="15">
        <v>61</v>
      </c>
      <c r="W9" s="26">
        <v>261</v>
      </c>
      <c r="X9" s="26">
        <v>5</v>
      </c>
      <c r="Y9" s="26">
        <v>2</v>
      </c>
      <c r="Z9" s="26">
        <v>384</v>
      </c>
      <c r="AA9" s="26">
        <v>1</v>
      </c>
      <c r="AB9" s="27"/>
      <c r="AC9" s="26">
        <v>267</v>
      </c>
      <c r="AD9" s="26">
        <v>300</v>
      </c>
      <c r="AE9" s="26">
        <v>381</v>
      </c>
      <c r="AF9" s="26">
        <v>366</v>
      </c>
      <c r="AG9" s="26">
        <v>339</v>
      </c>
      <c r="AH9" s="26">
        <v>357</v>
      </c>
      <c r="AI9" s="26">
        <v>329</v>
      </c>
      <c r="AJ9" s="26">
        <v>378</v>
      </c>
      <c r="AK9" s="26">
        <v>348</v>
      </c>
      <c r="AL9" s="26">
        <v>345</v>
      </c>
      <c r="AM9" s="26">
        <v>362</v>
      </c>
      <c r="AN9" s="26">
        <v>322</v>
      </c>
      <c r="AO9" s="26">
        <v>4094</v>
      </c>
      <c r="AP9" s="26">
        <v>236</v>
      </c>
      <c r="AQ9" s="26">
        <v>0</v>
      </c>
      <c r="AR9" s="26">
        <v>0</v>
      </c>
      <c r="AS9" s="26">
        <v>327</v>
      </c>
      <c r="AT9" s="26">
        <v>0</v>
      </c>
      <c r="AU9" s="26">
        <v>563</v>
      </c>
      <c r="AV9" s="29">
        <v>0.12825651302605209</v>
      </c>
      <c r="AW9" s="15">
        <v>62</v>
      </c>
      <c r="AX9" s="26">
        <v>238</v>
      </c>
      <c r="AY9" s="26">
        <v>2</v>
      </c>
      <c r="AZ9" s="26">
        <v>0</v>
      </c>
      <c r="BA9" s="26">
        <v>327</v>
      </c>
      <c r="BB9" s="26">
        <v>0</v>
      </c>
    </row>
    <row r="10" spans="1:54">
      <c r="A10" s="16" t="s">
        <v>82</v>
      </c>
      <c r="B10" s="25">
        <v>141</v>
      </c>
      <c r="C10" s="25">
        <v>167</v>
      </c>
      <c r="D10" s="25">
        <v>0</v>
      </c>
      <c r="E10" s="25">
        <v>0</v>
      </c>
      <c r="F10" s="25">
        <v>0</v>
      </c>
      <c r="G10" s="25">
        <v>0</v>
      </c>
      <c r="H10" s="25">
        <v>0</v>
      </c>
      <c r="I10" s="25">
        <v>0</v>
      </c>
      <c r="J10" s="25">
        <v>0</v>
      </c>
      <c r="K10" s="25">
        <v>0</v>
      </c>
      <c r="L10" s="25">
        <v>0</v>
      </c>
      <c r="M10" s="25">
        <v>0</v>
      </c>
      <c r="N10" s="25">
        <v>308</v>
      </c>
      <c r="O10" s="25">
        <v>110</v>
      </c>
      <c r="P10" s="25">
        <v>0</v>
      </c>
      <c r="Q10" s="25">
        <v>1</v>
      </c>
      <c r="R10" s="25">
        <v>194</v>
      </c>
      <c r="S10" s="25">
        <v>0</v>
      </c>
      <c r="T10" s="25">
        <v>305</v>
      </c>
      <c r="U10" s="28">
        <v>0.26033057851239672</v>
      </c>
      <c r="V10" s="24">
        <v>32</v>
      </c>
      <c r="W10" s="25">
        <v>111</v>
      </c>
      <c r="X10" s="25">
        <v>1</v>
      </c>
      <c r="Y10" s="25">
        <v>2</v>
      </c>
      <c r="Z10" s="25">
        <v>194</v>
      </c>
      <c r="AA10" s="25">
        <v>0</v>
      </c>
      <c r="AB10" s="27"/>
      <c r="AC10" s="25">
        <v>123</v>
      </c>
      <c r="AD10" s="25">
        <v>124</v>
      </c>
      <c r="AE10" s="25">
        <v>167</v>
      </c>
      <c r="AF10" s="25">
        <v>163</v>
      </c>
      <c r="AG10" s="25">
        <v>163</v>
      </c>
      <c r="AH10" s="25">
        <v>160</v>
      </c>
      <c r="AI10" s="25">
        <v>145</v>
      </c>
      <c r="AJ10" s="25">
        <v>202</v>
      </c>
      <c r="AK10" s="25">
        <v>182</v>
      </c>
      <c r="AL10" s="25">
        <v>174</v>
      </c>
      <c r="AM10" s="25">
        <v>180</v>
      </c>
      <c r="AN10" s="25">
        <v>141</v>
      </c>
      <c r="AO10" s="25">
        <v>1924</v>
      </c>
      <c r="AP10" s="25">
        <v>88</v>
      </c>
      <c r="AQ10" s="25">
        <v>0</v>
      </c>
      <c r="AR10" s="25">
        <v>0</v>
      </c>
      <c r="AS10" s="25">
        <v>154</v>
      </c>
      <c r="AT10" s="25">
        <v>0</v>
      </c>
      <c r="AU10" s="25">
        <v>242</v>
      </c>
      <c r="AV10" s="28">
        <v>0.25388601036269431</v>
      </c>
      <c r="AW10" s="24">
        <v>29</v>
      </c>
      <c r="AX10" s="25">
        <v>90</v>
      </c>
      <c r="AY10" s="25">
        <v>2</v>
      </c>
      <c r="AZ10" s="25">
        <v>0</v>
      </c>
      <c r="BA10" s="25">
        <v>155</v>
      </c>
      <c r="BB10" s="25">
        <v>0</v>
      </c>
    </row>
    <row r="11" spans="1:54">
      <c r="A11" s="17" t="s">
        <v>84</v>
      </c>
      <c r="B11" s="26">
        <v>1658</v>
      </c>
      <c r="C11" s="26">
        <v>1833</v>
      </c>
      <c r="D11" s="26">
        <v>0</v>
      </c>
      <c r="E11" s="26">
        <v>0</v>
      </c>
      <c r="F11" s="26">
        <v>0</v>
      </c>
      <c r="G11" s="26">
        <v>0</v>
      </c>
      <c r="H11" s="26">
        <v>0</v>
      </c>
      <c r="I11" s="26">
        <v>0</v>
      </c>
      <c r="J11" s="26">
        <v>0</v>
      </c>
      <c r="K11" s="26">
        <v>0</v>
      </c>
      <c r="L11" s="26">
        <v>0</v>
      </c>
      <c r="M11" s="26">
        <v>0</v>
      </c>
      <c r="N11" s="26">
        <v>3491</v>
      </c>
      <c r="O11" s="26">
        <v>2741</v>
      </c>
      <c r="P11" s="26">
        <v>15</v>
      </c>
      <c r="Q11" s="26">
        <v>1</v>
      </c>
      <c r="R11" s="26">
        <v>621</v>
      </c>
      <c r="S11" s="26">
        <v>0</v>
      </c>
      <c r="T11" s="26">
        <v>3378</v>
      </c>
      <c r="U11" s="29">
        <v>0.35608189482135688</v>
      </c>
      <c r="V11" s="15">
        <v>14</v>
      </c>
      <c r="W11" s="26">
        <v>2819</v>
      </c>
      <c r="X11" s="26">
        <v>49</v>
      </c>
      <c r="Y11" s="26">
        <v>1</v>
      </c>
      <c r="Z11" s="26">
        <v>622</v>
      </c>
      <c r="AA11" s="26">
        <v>0</v>
      </c>
      <c r="AB11" s="27"/>
      <c r="AC11" s="26">
        <v>1210</v>
      </c>
      <c r="AD11" s="26">
        <v>1370</v>
      </c>
      <c r="AE11" s="26">
        <v>1876</v>
      </c>
      <c r="AF11" s="26">
        <v>1741</v>
      </c>
      <c r="AG11" s="26">
        <v>1726</v>
      </c>
      <c r="AH11" s="26">
        <v>1777</v>
      </c>
      <c r="AI11" s="26">
        <v>1682</v>
      </c>
      <c r="AJ11" s="26">
        <v>1992</v>
      </c>
      <c r="AK11" s="26">
        <v>1780</v>
      </c>
      <c r="AL11" s="26">
        <v>1901</v>
      </c>
      <c r="AM11" s="26">
        <v>1723</v>
      </c>
      <c r="AN11" s="26">
        <v>1782</v>
      </c>
      <c r="AO11" s="26">
        <v>20560</v>
      </c>
      <c r="AP11" s="26">
        <v>1974</v>
      </c>
      <c r="AQ11" s="26">
        <v>9</v>
      </c>
      <c r="AR11" s="26">
        <v>0</v>
      </c>
      <c r="AS11" s="26">
        <v>508</v>
      </c>
      <c r="AT11" s="26">
        <v>0</v>
      </c>
      <c r="AU11" s="26">
        <v>2491</v>
      </c>
      <c r="AV11" s="29">
        <v>2.3418241577649958E-2</v>
      </c>
      <c r="AW11" s="15">
        <v>80</v>
      </c>
      <c r="AX11" s="26">
        <v>2038</v>
      </c>
      <c r="AY11" s="26">
        <v>34</v>
      </c>
      <c r="AZ11" s="26">
        <v>0</v>
      </c>
      <c r="BA11" s="26">
        <v>508</v>
      </c>
      <c r="BB11" s="26">
        <v>0</v>
      </c>
    </row>
    <row r="12" spans="1:54">
      <c r="A12" s="16" t="s">
        <v>85</v>
      </c>
      <c r="B12" s="25">
        <v>666</v>
      </c>
      <c r="C12" s="25">
        <v>690</v>
      </c>
      <c r="D12" s="25">
        <v>0</v>
      </c>
      <c r="E12" s="25">
        <v>0</v>
      </c>
      <c r="F12" s="25">
        <v>0</v>
      </c>
      <c r="G12" s="25">
        <v>0</v>
      </c>
      <c r="H12" s="25">
        <v>0</v>
      </c>
      <c r="I12" s="25">
        <v>0</v>
      </c>
      <c r="J12" s="25">
        <v>0</v>
      </c>
      <c r="K12" s="25">
        <v>0</v>
      </c>
      <c r="L12" s="25">
        <v>0</v>
      </c>
      <c r="M12" s="25">
        <v>0</v>
      </c>
      <c r="N12" s="25">
        <v>1356</v>
      </c>
      <c r="O12" s="25">
        <v>1020</v>
      </c>
      <c r="P12" s="25">
        <v>2</v>
      </c>
      <c r="Q12" s="25">
        <v>3</v>
      </c>
      <c r="R12" s="25">
        <v>309</v>
      </c>
      <c r="S12" s="25">
        <v>0</v>
      </c>
      <c r="T12" s="25">
        <v>1334</v>
      </c>
      <c r="U12" s="28">
        <v>0.30912659470068693</v>
      </c>
      <c r="V12" s="24">
        <v>22</v>
      </c>
      <c r="W12" s="25">
        <v>1038</v>
      </c>
      <c r="X12" s="25">
        <v>6</v>
      </c>
      <c r="Y12" s="25">
        <v>3</v>
      </c>
      <c r="Z12" s="25">
        <v>309</v>
      </c>
      <c r="AA12" s="25">
        <v>0</v>
      </c>
      <c r="AB12" s="27"/>
      <c r="AC12" s="25">
        <v>505</v>
      </c>
      <c r="AD12" s="25">
        <v>544</v>
      </c>
      <c r="AE12" s="25">
        <v>751</v>
      </c>
      <c r="AF12" s="25">
        <v>712</v>
      </c>
      <c r="AG12" s="25">
        <v>634</v>
      </c>
      <c r="AH12" s="25">
        <v>693</v>
      </c>
      <c r="AI12" s="25">
        <v>651</v>
      </c>
      <c r="AJ12" s="25">
        <v>805</v>
      </c>
      <c r="AK12" s="25">
        <v>770</v>
      </c>
      <c r="AL12" s="25">
        <v>717</v>
      </c>
      <c r="AM12" s="25">
        <v>702</v>
      </c>
      <c r="AN12" s="25">
        <v>725</v>
      </c>
      <c r="AO12" s="25">
        <v>8209</v>
      </c>
      <c r="AP12" s="25">
        <v>755</v>
      </c>
      <c r="AQ12" s="25">
        <v>3</v>
      </c>
      <c r="AR12" s="25">
        <v>1</v>
      </c>
      <c r="AS12" s="25">
        <v>260</v>
      </c>
      <c r="AT12" s="25">
        <v>0</v>
      </c>
      <c r="AU12" s="25">
        <v>1019</v>
      </c>
      <c r="AV12" s="28">
        <v>0.28499369482976039</v>
      </c>
      <c r="AW12" s="24">
        <v>25</v>
      </c>
      <c r="AX12" s="25">
        <v>776</v>
      </c>
      <c r="AY12" s="25">
        <v>10</v>
      </c>
      <c r="AZ12" s="25">
        <v>1</v>
      </c>
      <c r="BA12" s="25">
        <v>262</v>
      </c>
      <c r="BB12" s="25">
        <v>0</v>
      </c>
    </row>
    <row r="13" spans="1:54">
      <c r="A13" s="17" t="s">
        <v>86</v>
      </c>
      <c r="B13" s="26">
        <v>373</v>
      </c>
      <c r="C13" s="26">
        <v>435</v>
      </c>
      <c r="D13" s="26">
        <v>0</v>
      </c>
      <c r="E13" s="26">
        <v>0</v>
      </c>
      <c r="F13" s="26">
        <v>0</v>
      </c>
      <c r="G13" s="26">
        <v>0</v>
      </c>
      <c r="H13" s="26">
        <v>0</v>
      </c>
      <c r="I13" s="26">
        <v>0</v>
      </c>
      <c r="J13" s="26">
        <v>0</v>
      </c>
      <c r="K13" s="26">
        <v>0</v>
      </c>
      <c r="L13" s="26">
        <v>0</v>
      </c>
      <c r="M13" s="26">
        <v>0</v>
      </c>
      <c r="N13" s="26">
        <v>808</v>
      </c>
      <c r="O13" s="26">
        <v>428</v>
      </c>
      <c r="P13" s="26">
        <v>9</v>
      </c>
      <c r="Q13" s="26">
        <v>0</v>
      </c>
      <c r="R13" s="26">
        <v>313</v>
      </c>
      <c r="S13" s="26">
        <v>0</v>
      </c>
      <c r="T13" s="26">
        <v>750</v>
      </c>
      <c r="U13" s="29">
        <v>0.26903553299492383</v>
      </c>
      <c r="V13" s="15">
        <v>29</v>
      </c>
      <c r="W13" s="26">
        <v>454</v>
      </c>
      <c r="X13" s="26">
        <v>39</v>
      </c>
      <c r="Y13" s="26">
        <v>0</v>
      </c>
      <c r="Z13" s="26">
        <v>315</v>
      </c>
      <c r="AA13" s="26">
        <v>0</v>
      </c>
      <c r="AB13" s="27"/>
      <c r="AC13" s="26">
        <v>312</v>
      </c>
      <c r="AD13" s="26">
        <v>306</v>
      </c>
      <c r="AE13" s="26">
        <v>433</v>
      </c>
      <c r="AF13" s="26">
        <v>397</v>
      </c>
      <c r="AG13" s="26">
        <v>364</v>
      </c>
      <c r="AH13" s="26">
        <v>444</v>
      </c>
      <c r="AI13" s="26">
        <v>423</v>
      </c>
      <c r="AJ13" s="26">
        <v>441</v>
      </c>
      <c r="AK13" s="26">
        <v>406</v>
      </c>
      <c r="AL13" s="26">
        <v>450</v>
      </c>
      <c r="AM13" s="26">
        <v>384</v>
      </c>
      <c r="AN13" s="26">
        <v>412</v>
      </c>
      <c r="AO13" s="26">
        <v>4772</v>
      </c>
      <c r="AP13" s="26">
        <v>363</v>
      </c>
      <c r="AQ13" s="26">
        <v>5</v>
      </c>
      <c r="AR13" s="26">
        <v>0</v>
      </c>
      <c r="AS13" s="26">
        <v>223</v>
      </c>
      <c r="AT13" s="26">
        <v>0</v>
      </c>
      <c r="AU13" s="26">
        <v>591</v>
      </c>
      <c r="AV13" s="29">
        <v>0.13218390804597702</v>
      </c>
      <c r="AW13" s="15">
        <v>59</v>
      </c>
      <c r="AX13" s="26">
        <v>383</v>
      </c>
      <c r="AY13" s="26">
        <v>12</v>
      </c>
      <c r="AZ13" s="26">
        <v>0</v>
      </c>
      <c r="BA13" s="26">
        <v>223</v>
      </c>
      <c r="BB13" s="26">
        <v>0</v>
      </c>
    </row>
    <row r="14" spans="1:54">
      <c r="A14" s="16" t="s">
        <v>87</v>
      </c>
      <c r="B14" s="25">
        <v>355</v>
      </c>
      <c r="C14" s="25">
        <v>393</v>
      </c>
      <c r="D14" s="25">
        <v>0</v>
      </c>
      <c r="E14" s="25">
        <v>0</v>
      </c>
      <c r="F14" s="25">
        <v>0</v>
      </c>
      <c r="G14" s="25">
        <v>0</v>
      </c>
      <c r="H14" s="25">
        <v>0</v>
      </c>
      <c r="I14" s="25">
        <v>0</v>
      </c>
      <c r="J14" s="25">
        <v>0</v>
      </c>
      <c r="K14" s="25">
        <v>0</v>
      </c>
      <c r="L14" s="25">
        <v>0</v>
      </c>
      <c r="M14" s="25">
        <v>0</v>
      </c>
      <c r="N14" s="25">
        <v>748</v>
      </c>
      <c r="O14" s="25">
        <v>624</v>
      </c>
      <c r="P14" s="25">
        <v>2</v>
      </c>
      <c r="Q14" s="25">
        <v>0</v>
      </c>
      <c r="R14" s="25">
        <v>101</v>
      </c>
      <c r="S14" s="25">
        <v>0</v>
      </c>
      <c r="T14" s="25">
        <v>727</v>
      </c>
      <c r="U14" s="28">
        <v>0.32664233576642338</v>
      </c>
      <c r="V14" s="24">
        <v>19</v>
      </c>
      <c r="W14" s="25">
        <v>636</v>
      </c>
      <c r="X14" s="25">
        <v>11</v>
      </c>
      <c r="Y14" s="25">
        <v>0</v>
      </c>
      <c r="Z14" s="25">
        <v>101</v>
      </c>
      <c r="AA14" s="25">
        <v>0</v>
      </c>
      <c r="AB14" s="27"/>
      <c r="AC14" s="25">
        <v>258</v>
      </c>
      <c r="AD14" s="25">
        <v>303</v>
      </c>
      <c r="AE14" s="25">
        <v>343</v>
      </c>
      <c r="AF14" s="25">
        <v>321</v>
      </c>
      <c r="AG14" s="25">
        <v>343</v>
      </c>
      <c r="AH14" s="25">
        <v>339</v>
      </c>
      <c r="AI14" s="25">
        <v>307</v>
      </c>
      <c r="AJ14" s="25">
        <v>425</v>
      </c>
      <c r="AK14" s="25">
        <v>365</v>
      </c>
      <c r="AL14" s="25">
        <v>390</v>
      </c>
      <c r="AM14" s="25">
        <v>398</v>
      </c>
      <c r="AN14" s="25">
        <v>335</v>
      </c>
      <c r="AO14" s="25">
        <v>4127</v>
      </c>
      <c r="AP14" s="25">
        <v>462</v>
      </c>
      <c r="AQ14" s="25">
        <v>1</v>
      </c>
      <c r="AR14" s="25">
        <v>0</v>
      </c>
      <c r="AS14" s="25">
        <v>85</v>
      </c>
      <c r="AT14" s="25">
        <v>0</v>
      </c>
      <c r="AU14" s="25">
        <v>548</v>
      </c>
      <c r="AV14" s="28">
        <v>8.3003952569169967E-2</v>
      </c>
      <c r="AW14" s="24">
        <v>69</v>
      </c>
      <c r="AX14" s="25">
        <v>472</v>
      </c>
      <c r="AY14" s="25">
        <v>4</v>
      </c>
      <c r="AZ14" s="25">
        <v>0</v>
      </c>
      <c r="BA14" s="25">
        <v>85</v>
      </c>
      <c r="BB14" s="25">
        <v>0</v>
      </c>
    </row>
    <row r="15" spans="1:54">
      <c r="A15" s="17" t="s">
        <v>88</v>
      </c>
      <c r="B15" s="26">
        <v>450</v>
      </c>
      <c r="C15" s="26">
        <v>427</v>
      </c>
      <c r="D15" s="26">
        <v>0</v>
      </c>
      <c r="E15" s="26">
        <v>0</v>
      </c>
      <c r="F15" s="26">
        <v>0</v>
      </c>
      <c r="G15" s="26">
        <v>0</v>
      </c>
      <c r="H15" s="26">
        <v>0</v>
      </c>
      <c r="I15" s="26">
        <v>0</v>
      </c>
      <c r="J15" s="26">
        <v>0</v>
      </c>
      <c r="K15" s="26">
        <v>0</v>
      </c>
      <c r="L15" s="26">
        <v>0</v>
      </c>
      <c r="M15" s="26">
        <v>0</v>
      </c>
      <c r="N15" s="26">
        <v>877</v>
      </c>
      <c r="O15" s="26">
        <v>632</v>
      </c>
      <c r="P15" s="26">
        <v>2</v>
      </c>
      <c r="Q15" s="26">
        <v>0</v>
      </c>
      <c r="R15" s="26">
        <v>220</v>
      </c>
      <c r="S15" s="26">
        <v>0</v>
      </c>
      <c r="T15" s="26">
        <v>854</v>
      </c>
      <c r="U15" s="29">
        <v>0.30781010719754975</v>
      </c>
      <c r="V15" s="15">
        <v>23</v>
      </c>
      <c r="W15" s="26">
        <v>642</v>
      </c>
      <c r="X15" s="26">
        <v>15</v>
      </c>
      <c r="Y15" s="26">
        <v>0</v>
      </c>
      <c r="Z15" s="26">
        <v>220</v>
      </c>
      <c r="AA15" s="26">
        <v>0</v>
      </c>
      <c r="AB15" s="27"/>
      <c r="AC15" s="26">
        <v>320</v>
      </c>
      <c r="AD15" s="26">
        <v>348</v>
      </c>
      <c r="AE15" s="26">
        <v>590</v>
      </c>
      <c r="AF15" s="26">
        <v>561</v>
      </c>
      <c r="AG15" s="26">
        <v>529</v>
      </c>
      <c r="AH15" s="26">
        <v>523</v>
      </c>
      <c r="AI15" s="26">
        <v>513</v>
      </c>
      <c r="AJ15" s="26">
        <v>521</v>
      </c>
      <c r="AK15" s="26">
        <v>534</v>
      </c>
      <c r="AL15" s="26">
        <v>563</v>
      </c>
      <c r="AM15" s="26">
        <v>501</v>
      </c>
      <c r="AN15" s="26">
        <v>551</v>
      </c>
      <c r="AO15" s="26">
        <v>6054</v>
      </c>
      <c r="AP15" s="26">
        <v>433</v>
      </c>
      <c r="AQ15" s="26">
        <v>1</v>
      </c>
      <c r="AR15" s="26">
        <v>0</v>
      </c>
      <c r="AS15" s="26">
        <v>219</v>
      </c>
      <c r="AT15" s="26">
        <v>0</v>
      </c>
      <c r="AU15" s="26">
        <v>653</v>
      </c>
      <c r="AV15" s="29">
        <v>8.1125827814569534E-2</v>
      </c>
      <c r="AW15" s="15">
        <v>70</v>
      </c>
      <c r="AX15" s="26">
        <v>438</v>
      </c>
      <c r="AY15" s="26">
        <v>10</v>
      </c>
      <c r="AZ15" s="26">
        <v>0</v>
      </c>
      <c r="BA15" s="26">
        <v>220</v>
      </c>
      <c r="BB15" s="26">
        <v>0</v>
      </c>
    </row>
    <row r="16" spans="1:54">
      <c r="A16" s="16" t="s">
        <v>89</v>
      </c>
      <c r="B16" s="25">
        <v>194</v>
      </c>
      <c r="C16" s="25">
        <v>257</v>
      </c>
      <c r="D16" s="25">
        <v>0</v>
      </c>
      <c r="E16" s="25">
        <v>0</v>
      </c>
      <c r="F16" s="25">
        <v>0</v>
      </c>
      <c r="G16" s="25">
        <v>0</v>
      </c>
      <c r="H16" s="25">
        <v>0</v>
      </c>
      <c r="I16" s="25">
        <v>0</v>
      </c>
      <c r="J16" s="25">
        <v>0</v>
      </c>
      <c r="K16" s="25">
        <v>0</v>
      </c>
      <c r="L16" s="25">
        <v>0</v>
      </c>
      <c r="M16" s="25">
        <v>0</v>
      </c>
      <c r="N16" s="25">
        <v>451</v>
      </c>
      <c r="O16" s="25">
        <v>351</v>
      </c>
      <c r="P16" s="25">
        <v>0</v>
      </c>
      <c r="Q16" s="25">
        <v>0</v>
      </c>
      <c r="R16" s="25">
        <v>98</v>
      </c>
      <c r="S16" s="25">
        <v>0</v>
      </c>
      <c r="T16" s="25">
        <v>449</v>
      </c>
      <c r="U16" s="28">
        <v>0.15424164524421594</v>
      </c>
      <c r="V16" s="24">
        <v>56</v>
      </c>
      <c r="W16" s="25">
        <v>352</v>
      </c>
      <c r="X16" s="25">
        <v>1</v>
      </c>
      <c r="Y16" s="25">
        <v>0</v>
      </c>
      <c r="Z16" s="25">
        <v>98</v>
      </c>
      <c r="AA16" s="25">
        <v>0</v>
      </c>
      <c r="AB16" s="27"/>
      <c r="AC16" s="25">
        <v>215</v>
      </c>
      <c r="AD16" s="25">
        <v>178</v>
      </c>
      <c r="AE16" s="25">
        <v>249</v>
      </c>
      <c r="AF16" s="25">
        <v>251</v>
      </c>
      <c r="AG16" s="25">
        <v>247</v>
      </c>
      <c r="AH16" s="25">
        <v>243</v>
      </c>
      <c r="AI16" s="25">
        <v>210</v>
      </c>
      <c r="AJ16" s="25">
        <v>273</v>
      </c>
      <c r="AK16" s="25">
        <v>268</v>
      </c>
      <c r="AL16" s="25">
        <v>233</v>
      </c>
      <c r="AM16" s="25">
        <v>253</v>
      </c>
      <c r="AN16" s="25">
        <v>225</v>
      </c>
      <c r="AO16" s="25">
        <v>2845</v>
      </c>
      <c r="AP16" s="25">
        <v>277</v>
      </c>
      <c r="AQ16" s="25">
        <v>1</v>
      </c>
      <c r="AR16" s="25">
        <v>0</v>
      </c>
      <c r="AS16" s="25">
        <v>111</v>
      </c>
      <c r="AT16" s="25">
        <v>0</v>
      </c>
      <c r="AU16" s="25">
        <v>389</v>
      </c>
      <c r="AV16" s="28">
        <v>0.21943573667711599</v>
      </c>
      <c r="AW16" s="24">
        <v>37</v>
      </c>
      <c r="AX16" s="25">
        <v>280</v>
      </c>
      <c r="AY16" s="25">
        <v>2</v>
      </c>
      <c r="AZ16" s="25">
        <v>0</v>
      </c>
      <c r="BA16" s="25">
        <v>111</v>
      </c>
      <c r="BB16" s="25">
        <v>0</v>
      </c>
    </row>
    <row r="17" spans="1:54">
      <c r="A17" s="17" t="s">
        <v>90</v>
      </c>
      <c r="B17" s="26">
        <v>26</v>
      </c>
      <c r="C17" s="26">
        <v>36</v>
      </c>
      <c r="D17" s="26">
        <v>0</v>
      </c>
      <c r="E17" s="26">
        <v>0</v>
      </c>
      <c r="F17" s="26">
        <v>0</v>
      </c>
      <c r="G17" s="26">
        <v>0</v>
      </c>
      <c r="H17" s="26">
        <v>0</v>
      </c>
      <c r="I17" s="26">
        <v>0</v>
      </c>
      <c r="J17" s="26">
        <v>0</v>
      </c>
      <c r="K17" s="26">
        <v>0</v>
      </c>
      <c r="L17" s="26">
        <v>0</v>
      </c>
      <c r="M17" s="26">
        <v>0</v>
      </c>
      <c r="N17" s="26">
        <v>62</v>
      </c>
      <c r="O17" s="26">
        <v>30</v>
      </c>
      <c r="P17" s="26">
        <v>0</v>
      </c>
      <c r="Q17" s="26">
        <v>0</v>
      </c>
      <c r="R17" s="26">
        <v>18</v>
      </c>
      <c r="S17" s="26">
        <v>0</v>
      </c>
      <c r="T17" s="26">
        <v>48</v>
      </c>
      <c r="U17" s="29">
        <v>6.6666666666666666E-2</v>
      </c>
      <c r="V17" s="15">
        <v>75</v>
      </c>
      <c r="W17" s="26">
        <v>32</v>
      </c>
      <c r="X17" s="26">
        <v>12</v>
      </c>
      <c r="Y17" s="26">
        <v>0</v>
      </c>
      <c r="Z17" s="26">
        <v>18</v>
      </c>
      <c r="AA17" s="26">
        <v>0</v>
      </c>
      <c r="AB17" s="27"/>
      <c r="AC17" s="26">
        <v>45</v>
      </c>
      <c r="AD17" s="26">
        <v>21</v>
      </c>
      <c r="AE17" s="26">
        <v>26</v>
      </c>
      <c r="AF17" s="26">
        <v>28</v>
      </c>
      <c r="AG17" s="26">
        <v>23</v>
      </c>
      <c r="AH17" s="26">
        <v>33</v>
      </c>
      <c r="AI17" s="26">
        <v>34</v>
      </c>
      <c r="AJ17" s="26">
        <v>37</v>
      </c>
      <c r="AK17" s="26">
        <v>33</v>
      </c>
      <c r="AL17" s="26">
        <v>43</v>
      </c>
      <c r="AM17" s="26">
        <v>30</v>
      </c>
      <c r="AN17" s="26">
        <v>37</v>
      </c>
      <c r="AO17" s="26">
        <v>390</v>
      </c>
      <c r="AP17" s="26">
        <v>33</v>
      </c>
      <c r="AQ17" s="26">
        <v>1</v>
      </c>
      <c r="AR17" s="26">
        <v>0</v>
      </c>
      <c r="AS17" s="26">
        <v>11</v>
      </c>
      <c r="AT17" s="26">
        <v>0</v>
      </c>
      <c r="AU17" s="26">
        <v>45</v>
      </c>
      <c r="AV17" s="29">
        <v>0.6071428571428571</v>
      </c>
      <c r="AW17" s="15">
        <v>3</v>
      </c>
      <c r="AX17" s="26">
        <v>36</v>
      </c>
      <c r="AY17" s="26">
        <v>19</v>
      </c>
      <c r="AZ17" s="26">
        <v>0</v>
      </c>
      <c r="BA17" s="26">
        <v>11</v>
      </c>
      <c r="BB17" s="26">
        <v>0</v>
      </c>
    </row>
    <row r="18" spans="1:54">
      <c r="A18" s="16" t="s">
        <v>91</v>
      </c>
      <c r="B18" s="25">
        <v>158</v>
      </c>
      <c r="C18" s="25">
        <v>178</v>
      </c>
      <c r="D18" s="25">
        <v>0</v>
      </c>
      <c r="E18" s="25">
        <v>0</v>
      </c>
      <c r="F18" s="25">
        <v>0</v>
      </c>
      <c r="G18" s="25">
        <v>0</v>
      </c>
      <c r="H18" s="25">
        <v>0</v>
      </c>
      <c r="I18" s="25">
        <v>0</v>
      </c>
      <c r="J18" s="25">
        <v>0</v>
      </c>
      <c r="K18" s="25">
        <v>0</v>
      </c>
      <c r="L18" s="25">
        <v>0</v>
      </c>
      <c r="M18" s="25">
        <v>0</v>
      </c>
      <c r="N18" s="25">
        <v>336</v>
      </c>
      <c r="O18" s="25">
        <v>109</v>
      </c>
      <c r="P18" s="25">
        <v>1</v>
      </c>
      <c r="Q18" s="25">
        <v>0</v>
      </c>
      <c r="R18" s="25">
        <v>55</v>
      </c>
      <c r="S18" s="25">
        <v>0</v>
      </c>
      <c r="T18" s="25">
        <v>165</v>
      </c>
      <c r="U18" s="28">
        <v>5.7692307692307696E-2</v>
      </c>
      <c r="V18" s="24">
        <v>76</v>
      </c>
      <c r="W18" s="25">
        <v>172</v>
      </c>
      <c r="X18" s="25">
        <v>90</v>
      </c>
      <c r="Y18" s="25">
        <v>0</v>
      </c>
      <c r="Z18" s="25">
        <v>55</v>
      </c>
      <c r="AA18" s="25">
        <v>19</v>
      </c>
      <c r="AB18" s="27"/>
      <c r="AC18" s="25">
        <v>125</v>
      </c>
      <c r="AD18" s="25">
        <v>143</v>
      </c>
      <c r="AE18" s="25">
        <v>114</v>
      </c>
      <c r="AF18" s="25">
        <v>149</v>
      </c>
      <c r="AG18" s="25">
        <v>149</v>
      </c>
      <c r="AH18" s="25">
        <v>174</v>
      </c>
      <c r="AI18" s="25">
        <v>161</v>
      </c>
      <c r="AJ18" s="25">
        <v>332</v>
      </c>
      <c r="AK18" s="25">
        <v>284</v>
      </c>
      <c r="AL18" s="25">
        <v>142</v>
      </c>
      <c r="AM18" s="25">
        <v>137</v>
      </c>
      <c r="AN18" s="25">
        <v>188</v>
      </c>
      <c r="AO18" s="25">
        <v>2098</v>
      </c>
      <c r="AP18" s="25">
        <v>97</v>
      </c>
      <c r="AQ18" s="25">
        <v>0</v>
      </c>
      <c r="AR18" s="25">
        <v>0</v>
      </c>
      <c r="AS18" s="25">
        <v>59</v>
      </c>
      <c r="AT18" s="25">
        <v>0</v>
      </c>
      <c r="AU18" s="25">
        <v>156</v>
      </c>
      <c r="AV18" s="28">
        <v>0.2</v>
      </c>
      <c r="AW18" s="24">
        <v>40</v>
      </c>
      <c r="AX18" s="25">
        <v>106</v>
      </c>
      <c r="AY18" s="25">
        <v>99</v>
      </c>
      <c r="AZ18" s="25">
        <v>0</v>
      </c>
      <c r="BA18" s="25">
        <v>59</v>
      </c>
      <c r="BB18" s="25">
        <v>4</v>
      </c>
    </row>
    <row r="19" spans="1:54">
      <c r="A19" s="17" t="s">
        <v>92</v>
      </c>
      <c r="B19" s="26">
        <v>1332</v>
      </c>
      <c r="C19" s="26">
        <v>1519</v>
      </c>
      <c r="D19" s="26">
        <v>0</v>
      </c>
      <c r="E19" s="26">
        <v>0</v>
      </c>
      <c r="F19" s="26">
        <v>0</v>
      </c>
      <c r="G19" s="26">
        <v>0</v>
      </c>
      <c r="H19" s="26">
        <v>0</v>
      </c>
      <c r="I19" s="26">
        <v>0</v>
      </c>
      <c r="J19" s="26">
        <v>0</v>
      </c>
      <c r="K19" s="26">
        <v>0</v>
      </c>
      <c r="L19" s="26">
        <v>0</v>
      </c>
      <c r="M19" s="26">
        <v>0</v>
      </c>
      <c r="N19" s="26">
        <v>2851</v>
      </c>
      <c r="O19" s="26">
        <v>1981</v>
      </c>
      <c r="P19" s="26">
        <v>5</v>
      </c>
      <c r="Q19" s="26">
        <v>0</v>
      </c>
      <c r="R19" s="26">
        <v>790</v>
      </c>
      <c r="S19" s="26">
        <v>0</v>
      </c>
      <c r="T19" s="26">
        <v>2776</v>
      </c>
      <c r="U19" s="29">
        <v>0.41200406917599186</v>
      </c>
      <c r="V19" s="15">
        <v>7</v>
      </c>
      <c r="W19" s="26">
        <v>2004</v>
      </c>
      <c r="X19" s="26">
        <v>57</v>
      </c>
      <c r="Y19" s="26">
        <v>0</v>
      </c>
      <c r="Z19" s="26">
        <v>790</v>
      </c>
      <c r="AA19" s="26">
        <v>0</v>
      </c>
      <c r="AB19" s="27"/>
      <c r="AC19" s="26">
        <v>1005</v>
      </c>
      <c r="AD19" s="26">
        <v>1016</v>
      </c>
      <c r="AE19" s="26">
        <v>1436</v>
      </c>
      <c r="AF19" s="26">
        <v>1328</v>
      </c>
      <c r="AG19" s="26">
        <v>1331</v>
      </c>
      <c r="AH19" s="26">
        <v>1447</v>
      </c>
      <c r="AI19" s="26">
        <v>1287</v>
      </c>
      <c r="AJ19" s="26">
        <v>1549</v>
      </c>
      <c r="AK19" s="26">
        <v>1447</v>
      </c>
      <c r="AL19" s="26">
        <v>1452</v>
      </c>
      <c r="AM19" s="26">
        <v>1365</v>
      </c>
      <c r="AN19" s="26">
        <v>1422</v>
      </c>
      <c r="AO19" s="26">
        <v>16085</v>
      </c>
      <c r="AP19" s="26">
        <v>1419</v>
      </c>
      <c r="AQ19" s="26">
        <v>2</v>
      </c>
      <c r="AR19" s="26">
        <v>0</v>
      </c>
      <c r="AS19" s="26">
        <v>545</v>
      </c>
      <c r="AT19" s="26">
        <v>0</v>
      </c>
      <c r="AU19" s="26">
        <v>1966</v>
      </c>
      <c r="AV19" s="29">
        <v>-2.5285076846802181E-2</v>
      </c>
      <c r="AW19" s="15">
        <v>87</v>
      </c>
      <c r="AX19" s="26">
        <v>1449</v>
      </c>
      <c r="AY19" s="26">
        <v>27</v>
      </c>
      <c r="AZ19" s="26">
        <v>0</v>
      </c>
      <c r="BA19" s="26">
        <v>545</v>
      </c>
      <c r="BB19" s="26">
        <v>0</v>
      </c>
    </row>
    <row r="20" spans="1:54">
      <c r="A20" s="16" t="s">
        <v>93</v>
      </c>
      <c r="B20" s="25">
        <v>133</v>
      </c>
      <c r="C20" s="25">
        <v>168</v>
      </c>
      <c r="D20" s="25">
        <v>0</v>
      </c>
      <c r="E20" s="25">
        <v>0</v>
      </c>
      <c r="F20" s="25">
        <v>0</v>
      </c>
      <c r="G20" s="25">
        <v>0</v>
      </c>
      <c r="H20" s="25">
        <v>0</v>
      </c>
      <c r="I20" s="25">
        <v>0</v>
      </c>
      <c r="J20" s="25">
        <v>0</v>
      </c>
      <c r="K20" s="25">
        <v>0</v>
      </c>
      <c r="L20" s="25">
        <v>0</v>
      </c>
      <c r="M20" s="25">
        <v>0</v>
      </c>
      <c r="N20" s="25">
        <v>301</v>
      </c>
      <c r="O20" s="25">
        <v>218</v>
      </c>
      <c r="P20" s="25">
        <v>0</v>
      </c>
      <c r="Q20" s="25">
        <v>0</v>
      </c>
      <c r="R20" s="25">
        <v>81</v>
      </c>
      <c r="S20" s="25">
        <v>0</v>
      </c>
      <c r="T20" s="25">
        <v>299</v>
      </c>
      <c r="U20" s="28">
        <v>0.19600000000000001</v>
      </c>
      <c r="V20" s="24">
        <v>46</v>
      </c>
      <c r="W20" s="25">
        <v>218</v>
      </c>
      <c r="X20" s="25">
        <v>2</v>
      </c>
      <c r="Y20" s="25">
        <v>0</v>
      </c>
      <c r="Z20" s="25">
        <v>81</v>
      </c>
      <c r="AA20" s="25">
        <v>0</v>
      </c>
      <c r="AB20" s="27"/>
      <c r="AC20" s="25">
        <v>119</v>
      </c>
      <c r="AD20" s="25">
        <v>138</v>
      </c>
      <c r="AE20" s="25">
        <v>167</v>
      </c>
      <c r="AF20" s="25">
        <v>175</v>
      </c>
      <c r="AG20" s="25">
        <v>155</v>
      </c>
      <c r="AH20" s="25">
        <v>140</v>
      </c>
      <c r="AI20" s="25">
        <v>146</v>
      </c>
      <c r="AJ20" s="25">
        <v>194</v>
      </c>
      <c r="AK20" s="25">
        <v>152</v>
      </c>
      <c r="AL20" s="25">
        <v>161</v>
      </c>
      <c r="AM20" s="25">
        <v>168</v>
      </c>
      <c r="AN20" s="25">
        <v>140</v>
      </c>
      <c r="AO20" s="25">
        <v>1855</v>
      </c>
      <c r="AP20" s="25">
        <v>173</v>
      </c>
      <c r="AQ20" s="25">
        <v>3</v>
      </c>
      <c r="AR20" s="25">
        <v>0</v>
      </c>
      <c r="AS20" s="25">
        <v>74</v>
      </c>
      <c r="AT20" s="25">
        <v>0</v>
      </c>
      <c r="AU20" s="25">
        <v>250</v>
      </c>
      <c r="AV20" s="28">
        <v>0.26262626262626265</v>
      </c>
      <c r="AW20" s="24">
        <v>27</v>
      </c>
      <c r="AX20" s="25">
        <v>175</v>
      </c>
      <c r="AY20" s="25">
        <v>8</v>
      </c>
      <c r="AZ20" s="25">
        <v>0</v>
      </c>
      <c r="BA20" s="25">
        <v>74</v>
      </c>
      <c r="BB20" s="25">
        <v>0</v>
      </c>
    </row>
    <row r="21" spans="1:54">
      <c r="A21" s="17" t="s">
        <v>94</v>
      </c>
      <c r="B21" s="26">
        <v>929</v>
      </c>
      <c r="C21" s="26">
        <v>1044</v>
      </c>
      <c r="D21" s="26">
        <v>0</v>
      </c>
      <c r="E21" s="26">
        <v>0</v>
      </c>
      <c r="F21" s="26">
        <v>0</v>
      </c>
      <c r="G21" s="26">
        <v>0</v>
      </c>
      <c r="H21" s="26">
        <v>0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6">
        <v>1973</v>
      </c>
      <c r="O21" s="26">
        <v>939</v>
      </c>
      <c r="P21" s="26">
        <v>6</v>
      </c>
      <c r="Q21" s="26">
        <v>2</v>
      </c>
      <c r="R21" s="26">
        <v>973</v>
      </c>
      <c r="S21" s="26">
        <v>0</v>
      </c>
      <c r="T21" s="26">
        <v>1920</v>
      </c>
      <c r="U21" s="29">
        <v>0.26149802890932983</v>
      </c>
      <c r="V21" s="15">
        <v>31</v>
      </c>
      <c r="W21" s="26">
        <v>956</v>
      </c>
      <c r="X21" s="26">
        <v>37</v>
      </c>
      <c r="Y21" s="26">
        <v>2</v>
      </c>
      <c r="Z21" s="26">
        <v>973</v>
      </c>
      <c r="AA21" s="26">
        <v>5</v>
      </c>
      <c r="AB21" s="27"/>
      <c r="AC21" s="26">
        <v>788</v>
      </c>
      <c r="AD21" s="26">
        <v>799</v>
      </c>
      <c r="AE21" s="26">
        <v>928</v>
      </c>
      <c r="AF21" s="26">
        <v>899</v>
      </c>
      <c r="AG21" s="26">
        <v>812</v>
      </c>
      <c r="AH21" s="26">
        <v>923</v>
      </c>
      <c r="AI21" s="26">
        <v>885</v>
      </c>
      <c r="AJ21" s="26">
        <v>955</v>
      </c>
      <c r="AK21" s="26">
        <v>1020</v>
      </c>
      <c r="AL21" s="26">
        <v>949</v>
      </c>
      <c r="AM21" s="26">
        <v>932</v>
      </c>
      <c r="AN21" s="26">
        <v>1018</v>
      </c>
      <c r="AO21" s="26">
        <v>10908</v>
      </c>
      <c r="AP21" s="26">
        <v>757</v>
      </c>
      <c r="AQ21" s="26">
        <v>6</v>
      </c>
      <c r="AR21" s="26">
        <v>0</v>
      </c>
      <c r="AS21" s="26">
        <v>758</v>
      </c>
      <c r="AT21" s="26">
        <v>1</v>
      </c>
      <c r="AU21" s="26">
        <v>1522</v>
      </c>
      <c r="AV21" s="29">
        <v>-1.1688311688311689E-2</v>
      </c>
      <c r="AW21" s="15">
        <v>85</v>
      </c>
      <c r="AX21" s="26">
        <v>767</v>
      </c>
      <c r="AY21" s="26">
        <v>57</v>
      </c>
      <c r="AZ21" s="26">
        <v>0</v>
      </c>
      <c r="BA21" s="26">
        <v>758</v>
      </c>
      <c r="BB21" s="26">
        <v>5</v>
      </c>
    </row>
    <row r="22" spans="1:54">
      <c r="A22" s="16" t="s">
        <v>95</v>
      </c>
      <c r="B22" s="25">
        <v>448</v>
      </c>
      <c r="C22" s="25">
        <v>481</v>
      </c>
      <c r="D22" s="25">
        <v>0</v>
      </c>
      <c r="E22" s="25">
        <v>0</v>
      </c>
      <c r="F22" s="25">
        <v>0</v>
      </c>
      <c r="G22" s="25">
        <v>0</v>
      </c>
      <c r="H22" s="25">
        <v>0</v>
      </c>
      <c r="I22" s="25">
        <v>0</v>
      </c>
      <c r="J22" s="25">
        <v>0</v>
      </c>
      <c r="K22" s="25">
        <v>0</v>
      </c>
      <c r="L22" s="25">
        <v>0</v>
      </c>
      <c r="M22" s="25">
        <v>0</v>
      </c>
      <c r="N22" s="25">
        <v>929</v>
      </c>
      <c r="O22" s="25">
        <v>254</v>
      </c>
      <c r="P22" s="25">
        <v>0</v>
      </c>
      <c r="Q22" s="25">
        <v>0</v>
      </c>
      <c r="R22" s="25">
        <v>675</v>
      </c>
      <c r="S22" s="25">
        <v>0</v>
      </c>
      <c r="T22" s="25">
        <v>929</v>
      </c>
      <c r="U22" s="28">
        <v>0.1569115815691158</v>
      </c>
      <c r="V22" s="24">
        <v>55</v>
      </c>
      <c r="W22" s="25">
        <v>254</v>
      </c>
      <c r="X22" s="25">
        <v>0</v>
      </c>
      <c r="Y22" s="25">
        <v>0</v>
      </c>
      <c r="Z22" s="25">
        <v>675</v>
      </c>
      <c r="AA22" s="25">
        <v>0</v>
      </c>
      <c r="AB22" s="27"/>
      <c r="AC22" s="25">
        <v>380</v>
      </c>
      <c r="AD22" s="25">
        <v>428</v>
      </c>
      <c r="AE22" s="25">
        <v>538</v>
      </c>
      <c r="AF22" s="25">
        <v>440</v>
      </c>
      <c r="AG22" s="25">
        <v>472</v>
      </c>
      <c r="AH22" s="25">
        <v>443</v>
      </c>
      <c r="AI22" s="25">
        <v>444</v>
      </c>
      <c r="AJ22" s="25">
        <v>606</v>
      </c>
      <c r="AK22" s="25">
        <v>490</v>
      </c>
      <c r="AL22" s="25">
        <v>526</v>
      </c>
      <c r="AM22" s="25">
        <v>498</v>
      </c>
      <c r="AN22" s="25">
        <v>459</v>
      </c>
      <c r="AO22" s="25">
        <v>5724</v>
      </c>
      <c r="AP22" s="25">
        <v>184</v>
      </c>
      <c r="AQ22" s="25">
        <v>1</v>
      </c>
      <c r="AR22" s="25">
        <v>1</v>
      </c>
      <c r="AS22" s="25">
        <v>617</v>
      </c>
      <c r="AT22" s="25">
        <v>0</v>
      </c>
      <c r="AU22" s="25">
        <v>803</v>
      </c>
      <c r="AV22" s="28">
        <v>0.17914831130690162</v>
      </c>
      <c r="AW22" s="24">
        <v>43</v>
      </c>
      <c r="AX22" s="25">
        <v>187</v>
      </c>
      <c r="AY22" s="25">
        <v>3</v>
      </c>
      <c r="AZ22" s="25">
        <v>1</v>
      </c>
      <c r="BA22" s="25">
        <v>617</v>
      </c>
      <c r="BB22" s="25">
        <v>0</v>
      </c>
    </row>
    <row r="23" spans="1:54">
      <c r="A23" s="17" t="s">
        <v>96</v>
      </c>
      <c r="B23" s="26">
        <v>1537</v>
      </c>
      <c r="C23" s="26">
        <v>1442</v>
      </c>
      <c r="D23" s="26">
        <v>0</v>
      </c>
      <c r="E23" s="26">
        <v>0</v>
      </c>
      <c r="F23" s="26">
        <v>0</v>
      </c>
      <c r="G23" s="26">
        <v>0</v>
      </c>
      <c r="H23" s="26">
        <v>0</v>
      </c>
      <c r="I23" s="26">
        <v>0</v>
      </c>
      <c r="J23" s="26">
        <v>0</v>
      </c>
      <c r="K23" s="26">
        <v>0</v>
      </c>
      <c r="L23" s="26">
        <v>0</v>
      </c>
      <c r="M23" s="26">
        <v>0</v>
      </c>
      <c r="N23" s="26">
        <v>2979</v>
      </c>
      <c r="O23" s="26">
        <v>1400</v>
      </c>
      <c r="P23" s="26">
        <v>4</v>
      </c>
      <c r="Q23" s="26">
        <v>0</v>
      </c>
      <c r="R23" s="26">
        <v>1479</v>
      </c>
      <c r="S23" s="26">
        <v>0</v>
      </c>
      <c r="T23" s="26">
        <v>2883</v>
      </c>
      <c r="U23" s="29">
        <v>9.2873388931008341E-2</v>
      </c>
      <c r="V23" s="15">
        <v>72</v>
      </c>
      <c r="W23" s="26">
        <v>1443</v>
      </c>
      <c r="X23" s="26">
        <v>38</v>
      </c>
      <c r="Y23" s="26">
        <v>0</v>
      </c>
      <c r="Z23" s="26">
        <v>1479</v>
      </c>
      <c r="AA23" s="26">
        <v>19</v>
      </c>
      <c r="AB23" s="27"/>
      <c r="AC23" s="26">
        <v>1304</v>
      </c>
      <c r="AD23" s="26">
        <v>1375</v>
      </c>
      <c r="AE23" s="26">
        <v>1584</v>
      </c>
      <c r="AF23" s="26">
        <v>1384</v>
      </c>
      <c r="AG23" s="26">
        <v>1412</v>
      </c>
      <c r="AH23" s="26">
        <v>1553</v>
      </c>
      <c r="AI23" s="26">
        <v>1452</v>
      </c>
      <c r="AJ23" s="26">
        <v>1632</v>
      </c>
      <c r="AK23" s="26">
        <v>1658</v>
      </c>
      <c r="AL23" s="26">
        <v>1573</v>
      </c>
      <c r="AM23" s="26">
        <v>1518</v>
      </c>
      <c r="AN23" s="26">
        <v>1504</v>
      </c>
      <c r="AO23" s="26">
        <v>17949</v>
      </c>
      <c r="AP23" s="26">
        <v>1189</v>
      </c>
      <c r="AQ23" s="26">
        <v>4</v>
      </c>
      <c r="AR23" s="26">
        <v>0</v>
      </c>
      <c r="AS23" s="26">
        <v>1445</v>
      </c>
      <c r="AT23" s="26">
        <v>0</v>
      </c>
      <c r="AU23" s="26">
        <v>2638</v>
      </c>
      <c r="AV23" s="29">
        <v>0.23617619493908154</v>
      </c>
      <c r="AW23" s="15">
        <v>34</v>
      </c>
      <c r="AX23" s="26">
        <v>1210</v>
      </c>
      <c r="AY23" s="26">
        <v>24</v>
      </c>
      <c r="AZ23" s="26">
        <v>0</v>
      </c>
      <c r="BA23" s="26">
        <v>1445</v>
      </c>
      <c r="BB23" s="26">
        <v>0</v>
      </c>
    </row>
    <row r="24" spans="1:54">
      <c r="A24" s="16" t="s">
        <v>97</v>
      </c>
      <c r="B24" s="25">
        <v>275</v>
      </c>
      <c r="C24" s="25">
        <v>334</v>
      </c>
      <c r="D24" s="25">
        <v>0</v>
      </c>
      <c r="E24" s="25">
        <v>0</v>
      </c>
      <c r="F24" s="25">
        <v>0</v>
      </c>
      <c r="G24" s="25">
        <v>0</v>
      </c>
      <c r="H24" s="25">
        <v>0</v>
      </c>
      <c r="I24" s="25">
        <v>0</v>
      </c>
      <c r="J24" s="25">
        <v>0</v>
      </c>
      <c r="K24" s="25">
        <v>0</v>
      </c>
      <c r="L24" s="25">
        <v>0</v>
      </c>
      <c r="M24" s="25">
        <v>0</v>
      </c>
      <c r="N24" s="25">
        <v>609</v>
      </c>
      <c r="O24" s="25">
        <v>68</v>
      </c>
      <c r="P24" s="25">
        <v>0</v>
      </c>
      <c r="Q24" s="25">
        <v>1</v>
      </c>
      <c r="R24" s="25">
        <v>537</v>
      </c>
      <c r="S24" s="25">
        <v>0</v>
      </c>
      <c r="T24" s="25">
        <v>606</v>
      </c>
      <c r="U24" s="28">
        <v>2.1922428330522766E-2</v>
      </c>
      <c r="V24" s="24">
        <v>78</v>
      </c>
      <c r="W24" s="25">
        <v>68</v>
      </c>
      <c r="X24" s="25">
        <v>2</v>
      </c>
      <c r="Y24" s="25">
        <v>2</v>
      </c>
      <c r="Z24" s="25">
        <v>537</v>
      </c>
      <c r="AA24" s="25">
        <v>0</v>
      </c>
      <c r="AB24" s="27"/>
      <c r="AC24" s="25">
        <v>288</v>
      </c>
      <c r="AD24" s="25">
        <v>306</v>
      </c>
      <c r="AE24" s="25">
        <v>351</v>
      </c>
      <c r="AF24" s="25">
        <v>303</v>
      </c>
      <c r="AG24" s="25">
        <v>332</v>
      </c>
      <c r="AH24" s="25">
        <v>333</v>
      </c>
      <c r="AI24" s="25">
        <v>298</v>
      </c>
      <c r="AJ24" s="25">
        <v>372</v>
      </c>
      <c r="AK24" s="25">
        <v>396</v>
      </c>
      <c r="AL24" s="25">
        <v>319</v>
      </c>
      <c r="AM24" s="25">
        <v>331</v>
      </c>
      <c r="AN24" s="25">
        <v>274</v>
      </c>
      <c r="AO24" s="25">
        <v>3903</v>
      </c>
      <c r="AP24" s="25">
        <v>79</v>
      </c>
      <c r="AQ24" s="25">
        <v>0</v>
      </c>
      <c r="AR24" s="25">
        <v>0</v>
      </c>
      <c r="AS24" s="25">
        <v>514</v>
      </c>
      <c r="AT24" s="25">
        <v>0</v>
      </c>
      <c r="AU24" s="25">
        <v>593</v>
      </c>
      <c r="AV24" s="28">
        <v>0.186</v>
      </c>
      <c r="AW24" s="24">
        <v>42</v>
      </c>
      <c r="AX24" s="25">
        <v>80</v>
      </c>
      <c r="AY24" s="25">
        <v>0</v>
      </c>
      <c r="AZ24" s="25">
        <v>0</v>
      </c>
      <c r="BA24" s="25">
        <v>514</v>
      </c>
      <c r="BB24" s="25">
        <v>0</v>
      </c>
    </row>
    <row r="25" spans="1:54">
      <c r="A25" s="17" t="s">
        <v>98</v>
      </c>
      <c r="B25" s="26">
        <v>0</v>
      </c>
      <c r="C25" s="26">
        <v>1</v>
      </c>
      <c r="D25" s="26">
        <v>0</v>
      </c>
      <c r="E25" s="26">
        <v>0</v>
      </c>
      <c r="F25" s="26">
        <v>0</v>
      </c>
      <c r="G25" s="26">
        <v>0</v>
      </c>
      <c r="H25" s="26">
        <v>0</v>
      </c>
      <c r="I25" s="26">
        <v>0</v>
      </c>
      <c r="J25" s="26">
        <v>0</v>
      </c>
      <c r="K25" s="26">
        <v>0</v>
      </c>
      <c r="L25" s="26">
        <v>0</v>
      </c>
      <c r="M25" s="26">
        <v>0</v>
      </c>
      <c r="N25" s="26">
        <v>1</v>
      </c>
      <c r="O25" s="26">
        <v>1</v>
      </c>
      <c r="P25" s="26">
        <v>0</v>
      </c>
      <c r="Q25" s="26">
        <v>0</v>
      </c>
      <c r="R25" s="26">
        <v>0</v>
      </c>
      <c r="S25" s="26">
        <v>0</v>
      </c>
      <c r="T25" s="26">
        <v>1</v>
      </c>
      <c r="U25" s="29">
        <v>-0.5</v>
      </c>
      <c r="V25" s="15">
        <v>93</v>
      </c>
      <c r="W25" s="26">
        <v>1</v>
      </c>
      <c r="X25" s="26">
        <v>0</v>
      </c>
      <c r="Y25" s="26">
        <v>0</v>
      </c>
      <c r="Z25" s="26">
        <v>0</v>
      </c>
      <c r="AA25" s="26">
        <v>0</v>
      </c>
      <c r="AB25" s="27"/>
      <c r="AC25" s="26">
        <v>1</v>
      </c>
      <c r="AD25" s="26">
        <v>1</v>
      </c>
      <c r="AE25" s="26">
        <v>1</v>
      </c>
      <c r="AF25" s="26">
        <v>3</v>
      </c>
      <c r="AG25" s="26">
        <v>2</v>
      </c>
      <c r="AH25" s="26">
        <v>1</v>
      </c>
      <c r="AI25" s="26">
        <v>3</v>
      </c>
      <c r="AJ25" s="26">
        <v>2</v>
      </c>
      <c r="AK25" s="26">
        <v>0</v>
      </c>
      <c r="AL25" s="26">
        <v>0</v>
      </c>
      <c r="AM25" s="26">
        <v>2</v>
      </c>
      <c r="AN25" s="26">
        <v>1</v>
      </c>
      <c r="AO25" s="26">
        <v>17</v>
      </c>
      <c r="AP25" s="26">
        <v>1</v>
      </c>
      <c r="AQ25" s="26">
        <v>0</v>
      </c>
      <c r="AR25" s="26">
        <v>0</v>
      </c>
      <c r="AS25" s="26">
        <v>1</v>
      </c>
      <c r="AT25" s="26">
        <v>0</v>
      </c>
      <c r="AU25" s="26">
        <v>2</v>
      </c>
      <c r="AV25" s="29">
        <v>-0.66666666666666663</v>
      </c>
      <c r="AW25" s="15">
        <v>93</v>
      </c>
      <c r="AX25" s="26">
        <v>1</v>
      </c>
      <c r="AY25" s="26">
        <v>0</v>
      </c>
      <c r="AZ25" s="26">
        <v>0</v>
      </c>
      <c r="BA25" s="26">
        <v>1</v>
      </c>
      <c r="BB25" s="26">
        <v>0</v>
      </c>
    </row>
    <row r="26" spans="1:54">
      <c r="A26" s="16" t="s">
        <v>99</v>
      </c>
      <c r="B26" s="25">
        <v>76</v>
      </c>
      <c r="C26" s="25">
        <v>112</v>
      </c>
      <c r="D26" s="25">
        <v>0</v>
      </c>
      <c r="E26" s="25">
        <v>0</v>
      </c>
      <c r="F26" s="25">
        <v>0</v>
      </c>
      <c r="G26" s="25">
        <v>0</v>
      </c>
      <c r="H26" s="25">
        <v>0</v>
      </c>
      <c r="I26" s="25">
        <v>0</v>
      </c>
      <c r="J26" s="25">
        <v>0</v>
      </c>
      <c r="K26" s="25">
        <v>0</v>
      </c>
      <c r="L26" s="25">
        <v>0</v>
      </c>
      <c r="M26" s="25">
        <v>0</v>
      </c>
      <c r="N26" s="25">
        <v>188</v>
      </c>
      <c r="O26" s="25">
        <v>117</v>
      </c>
      <c r="P26" s="25">
        <v>0</v>
      </c>
      <c r="Q26" s="25">
        <v>0</v>
      </c>
      <c r="R26" s="25">
        <v>69</v>
      </c>
      <c r="S26" s="25">
        <v>1</v>
      </c>
      <c r="T26" s="25">
        <v>187</v>
      </c>
      <c r="U26" s="28">
        <v>0.38518518518518519</v>
      </c>
      <c r="V26" s="24">
        <v>12</v>
      </c>
      <c r="W26" s="25">
        <v>118</v>
      </c>
      <c r="X26" s="25">
        <v>0</v>
      </c>
      <c r="Y26" s="25">
        <v>0</v>
      </c>
      <c r="Z26" s="25">
        <v>69</v>
      </c>
      <c r="AA26" s="25">
        <v>1</v>
      </c>
      <c r="AB26" s="27"/>
      <c r="AC26" s="25">
        <v>62</v>
      </c>
      <c r="AD26" s="25">
        <v>75</v>
      </c>
      <c r="AE26" s="25">
        <v>94</v>
      </c>
      <c r="AF26" s="25">
        <v>90</v>
      </c>
      <c r="AG26" s="25">
        <v>83</v>
      </c>
      <c r="AH26" s="25">
        <v>88</v>
      </c>
      <c r="AI26" s="25">
        <v>88</v>
      </c>
      <c r="AJ26" s="25">
        <v>118</v>
      </c>
      <c r="AK26" s="25">
        <v>84</v>
      </c>
      <c r="AL26" s="25">
        <v>96</v>
      </c>
      <c r="AM26" s="25">
        <v>86</v>
      </c>
      <c r="AN26" s="25">
        <v>84</v>
      </c>
      <c r="AO26" s="25">
        <v>1048</v>
      </c>
      <c r="AP26" s="25">
        <v>94</v>
      </c>
      <c r="AQ26" s="25">
        <v>0</v>
      </c>
      <c r="AR26" s="25">
        <v>0</v>
      </c>
      <c r="AS26" s="25">
        <v>41</v>
      </c>
      <c r="AT26" s="25">
        <v>0</v>
      </c>
      <c r="AU26" s="25">
        <v>135</v>
      </c>
      <c r="AV26" s="28">
        <v>-4.2553191489361701E-2</v>
      </c>
      <c r="AW26" s="24">
        <v>88</v>
      </c>
      <c r="AX26" s="25">
        <v>94</v>
      </c>
      <c r="AY26" s="25">
        <v>0</v>
      </c>
      <c r="AZ26" s="25">
        <v>0</v>
      </c>
      <c r="BA26" s="25">
        <v>43</v>
      </c>
      <c r="BB26" s="25">
        <v>0</v>
      </c>
    </row>
    <row r="27" spans="1:54">
      <c r="A27" s="17" t="s">
        <v>102</v>
      </c>
      <c r="B27" s="26">
        <v>113</v>
      </c>
      <c r="C27" s="26">
        <v>118</v>
      </c>
      <c r="D27" s="26">
        <v>0</v>
      </c>
      <c r="E27" s="26">
        <v>0</v>
      </c>
      <c r="F27" s="26">
        <v>0</v>
      </c>
      <c r="G27" s="26">
        <v>0</v>
      </c>
      <c r="H27" s="26">
        <v>0</v>
      </c>
      <c r="I27" s="26">
        <v>0</v>
      </c>
      <c r="J27" s="26">
        <v>0</v>
      </c>
      <c r="K27" s="26">
        <v>0</v>
      </c>
      <c r="L27" s="26">
        <v>0</v>
      </c>
      <c r="M27" s="26">
        <v>0</v>
      </c>
      <c r="N27" s="26">
        <v>231</v>
      </c>
      <c r="O27" s="26">
        <v>194</v>
      </c>
      <c r="P27" s="26">
        <v>0</v>
      </c>
      <c r="Q27" s="26">
        <v>0</v>
      </c>
      <c r="R27" s="26">
        <v>32</v>
      </c>
      <c r="S27" s="26">
        <v>0</v>
      </c>
      <c r="T27" s="26">
        <v>226</v>
      </c>
      <c r="U27" s="29">
        <v>7.6190476190476197E-2</v>
      </c>
      <c r="V27" s="15">
        <v>73</v>
      </c>
      <c r="W27" s="26">
        <v>197</v>
      </c>
      <c r="X27" s="26">
        <v>2</v>
      </c>
      <c r="Y27" s="26">
        <v>0</v>
      </c>
      <c r="Z27" s="26">
        <v>32</v>
      </c>
      <c r="AA27" s="26">
        <v>0</v>
      </c>
      <c r="AB27" s="27"/>
      <c r="AC27" s="26">
        <v>113</v>
      </c>
      <c r="AD27" s="26">
        <v>100</v>
      </c>
      <c r="AE27" s="26">
        <v>136</v>
      </c>
      <c r="AF27" s="26">
        <v>169</v>
      </c>
      <c r="AG27" s="26">
        <v>158</v>
      </c>
      <c r="AH27" s="26">
        <v>141</v>
      </c>
      <c r="AI27" s="26">
        <v>146</v>
      </c>
      <c r="AJ27" s="26">
        <v>167</v>
      </c>
      <c r="AK27" s="26">
        <v>139</v>
      </c>
      <c r="AL27" s="26">
        <v>141</v>
      </c>
      <c r="AM27" s="26">
        <v>128</v>
      </c>
      <c r="AN27" s="26">
        <v>153</v>
      </c>
      <c r="AO27" s="26">
        <v>1691</v>
      </c>
      <c r="AP27" s="26">
        <v>184</v>
      </c>
      <c r="AQ27" s="26">
        <v>1</v>
      </c>
      <c r="AR27" s="26">
        <v>0</v>
      </c>
      <c r="AS27" s="26">
        <v>25</v>
      </c>
      <c r="AT27" s="26">
        <v>0</v>
      </c>
      <c r="AU27" s="26">
        <v>210</v>
      </c>
      <c r="AV27" s="29">
        <v>0.29629629629629628</v>
      </c>
      <c r="AW27" s="15">
        <v>23</v>
      </c>
      <c r="AX27" s="26">
        <v>187</v>
      </c>
      <c r="AY27" s="26">
        <v>1</v>
      </c>
      <c r="AZ27" s="26">
        <v>0</v>
      </c>
      <c r="BA27" s="26">
        <v>25</v>
      </c>
      <c r="BB27" s="26">
        <v>0</v>
      </c>
    </row>
    <row r="28" spans="1:54">
      <c r="A28" s="16" t="s">
        <v>103</v>
      </c>
      <c r="B28" s="25">
        <v>174</v>
      </c>
      <c r="C28" s="25">
        <v>198</v>
      </c>
      <c r="D28" s="25">
        <v>0</v>
      </c>
      <c r="E28" s="25">
        <v>0</v>
      </c>
      <c r="F28" s="25">
        <v>0</v>
      </c>
      <c r="G28" s="25">
        <v>0</v>
      </c>
      <c r="H28" s="25">
        <v>0</v>
      </c>
      <c r="I28" s="25">
        <v>0</v>
      </c>
      <c r="J28" s="25">
        <v>0</v>
      </c>
      <c r="K28" s="25">
        <v>0</v>
      </c>
      <c r="L28" s="25">
        <v>0</v>
      </c>
      <c r="M28" s="25">
        <v>0</v>
      </c>
      <c r="N28" s="25">
        <v>372</v>
      </c>
      <c r="O28" s="25">
        <v>261</v>
      </c>
      <c r="P28" s="25">
        <v>0</v>
      </c>
      <c r="Q28" s="25">
        <v>1</v>
      </c>
      <c r="R28" s="25">
        <v>105</v>
      </c>
      <c r="S28" s="25">
        <v>0</v>
      </c>
      <c r="T28" s="25">
        <v>367</v>
      </c>
      <c r="U28" s="28">
        <v>0.10542168674698796</v>
      </c>
      <c r="V28" s="24">
        <v>69</v>
      </c>
      <c r="W28" s="25">
        <v>263</v>
      </c>
      <c r="X28" s="25">
        <v>1</v>
      </c>
      <c r="Y28" s="25">
        <v>1</v>
      </c>
      <c r="Z28" s="25">
        <v>105</v>
      </c>
      <c r="AA28" s="25">
        <v>2</v>
      </c>
      <c r="AB28" s="27"/>
      <c r="AC28" s="25">
        <v>155</v>
      </c>
      <c r="AD28" s="25">
        <v>181</v>
      </c>
      <c r="AE28" s="25">
        <v>280</v>
      </c>
      <c r="AF28" s="25">
        <v>232</v>
      </c>
      <c r="AG28" s="25">
        <v>220</v>
      </c>
      <c r="AH28" s="25">
        <v>220</v>
      </c>
      <c r="AI28" s="25">
        <v>201</v>
      </c>
      <c r="AJ28" s="25">
        <v>237</v>
      </c>
      <c r="AK28" s="25">
        <v>222</v>
      </c>
      <c r="AL28" s="25">
        <v>216</v>
      </c>
      <c r="AM28" s="25">
        <v>197</v>
      </c>
      <c r="AN28" s="25">
        <v>206</v>
      </c>
      <c r="AO28" s="25">
        <v>2567</v>
      </c>
      <c r="AP28" s="25">
        <v>240</v>
      </c>
      <c r="AQ28" s="25">
        <v>0</v>
      </c>
      <c r="AR28" s="25">
        <v>0</v>
      </c>
      <c r="AS28" s="25">
        <v>92</v>
      </c>
      <c r="AT28" s="25">
        <v>0</v>
      </c>
      <c r="AU28" s="25">
        <v>332</v>
      </c>
      <c r="AV28" s="28">
        <v>0.41880341880341881</v>
      </c>
      <c r="AW28" s="24">
        <v>8</v>
      </c>
      <c r="AX28" s="25">
        <v>244</v>
      </c>
      <c r="AY28" s="25">
        <v>0</v>
      </c>
      <c r="AZ28" s="25">
        <v>0</v>
      </c>
      <c r="BA28" s="25">
        <v>92</v>
      </c>
      <c r="BB28" s="25">
        <v>0</v>
      </c>
    </row>
    <row r="29" spans="1:54">
      <c r="A29" s="17" t="s">
        <v>104</v>
      </c>
      <c r="B29" s="26">
        <v>1492</v>
      </c>
      <c r="C29" s="26">
        <v>1692</v>
      </c>
      <c r="D29" s="26">
        <v>0</v>
      </c>
      <c r="E29" s="26">
        <v>0</v>
      </c>
      <c r="F29" s="26">
        <v>0</v>
      </c>
      <c r="G29" s="26">
        <v>0</v>
      </c>
      <c r="H29" s="26">
        <v>0</v>
      </c>
      <c r="I29" s="26">
        <v>0</v>
      </c>
      <c r="J29" s="26">
        <v>0</v>
      </c>
      <c r="K29" s="26">
        <v>0</v>
      </c>
      <c r="L29" s="26">
        <v>0</v>
      </c>
      <c r="M29" s="26">
        <v>0</v>
      </c>
      <c r="N29" s="26">
        <v>3184</v>
      </c>
      <c r="O29" s="26">
        <v>1732</v>
      </c>
      <c r="P29" s="26">
        <v>2</v>
      </c>
      <c r="Q29" s="26">
        <v>0</v>
      </c>
      <c r="R29" s="26">
        <v>1383</v>
      </c>
      <c r="S29" s="26">
        <v>0</v>
      </c>
      <c r="T29" s="26">
        <v>3117</v>
      </c>
      <c r="U29" s="29">
        <v>0.12649078424286231</v>
      </c>
      <c r="V29" s="15">
        <v>63</v>
      </c>
      <c r="W29" s="26">
        <v>1775</v>
      </c>
      <c r="X29" s="26">
        <v>26</v>
      </c>
      <c r="Y29" s="26">
        <v>0</v>
      </c>
      <c r="Z29" s="26">
        <v>1383</v>
      </c>
      <c r="AA29" s="26">
        <v>0</v>
      </c>
      <c r="AB29" s="27"/>
      <c r="AC29" s="26">
        <v>1344</v>
      </c>
      <c r="AD29" s="26">
        <v>1473</v>
      </c>
      <c r="AE29" s="26">
        <v>1878</v>
      </c>
      <c r="AF29" s="26">
        <v>1519</v>
      </c>
      <c r="AG29" s="26">
        <v>1560</v>
      </c>
      <c r="AH29" s="26">
        <v>1608</v>
      </c>
      <c r="AI29" s="26">
        <v>1435</v>
      </c>
      <c r="AJ29" s="26">
        <v>1754</v>
      </c>
      <c r="AK29" s="26">
        <v>1688</v>
      </c>
      <c r="AL29" s="26">
        <v>1663</v>
      </c>
      <c r="AM29" s="26">
        <v>1578</v>
      </c>
      <c r="AN29" s="26">
        <v>1553</v>
      </c>
      <c r="AO29" s="26">
        <v>19053</v>
      </c>
      <c r="AP29" s="26">
        <v>1526</v>
      </c>
      <c r="AQ29" s="26">
        <v>2</v>
      </c>
      <c r="AR29" s="26">
        <v>0</v>
      </c>
      <c r="AS29" s="26">
        <v>1239</v>
      </c>
      <c r="AT29" s="26">
        <v>0</v>
      </c>
      <c r="AU29" s="26">
        <v>2767</v>
      </c>
      <c r="AV29" s="29">
        <v>0.16603455541508638</v>
      </c>
      <c r="AW29" s="15">
        <v>49</v>
      </c>
      <c r="AX29" s="26">
        <v>1561</v>
      </c>
      <c r="AY29" s="26">
        <v>17</v>
      </c>
      <c r="AZ29" s="26">
        <v>0</v>
      </c>
      <c r="BA29" s="26">
        <v>1239</v>
      </c>
      <c r="BB29" s="26">
        <v>0</v>
      </c>
    </row>
    <row r="30" spans="1:54">
      <c r="A30" s="16" t="s">
        <v>105</v>
      </c>
      <c r="B30" s="25">
        <v>111</v>
      </c>
      <c r="C30" s="25">
        <v>132</v>
      </c>
      <c r="D30" s="25">
        <v>0</v>
      </c>
      <c r="E30" s="25">
        <v>0</v>
      </c>
      <c r="F30" s="25">
        <v>0</v>
      </c>
      <c r="G30" s="25">
        <v>0</v>
      </c>
      <c r="H30" s="25">
        <v>0</v>
      </c>
      <c r="I30" s="25">
        <v>0</v>
      </c>
      <c r="J30" s="25">
        <v>0</v>
      </c>
      <c r="K30" s="25">
        <v>0</v>
      </c>
      <c r="L30" s="25">
        <v>0</v>
      </c>
      <c r="M30" s="25">
        <v>0</v>
      </c>
      <c r="N30" s="25">
        <v>243</v>
      </c>
      <c r="O30" s="25">
        <v>130</v>
      </c>
      <c r="P30" s="25">
        <v>0</v>
      </c>
      <c r="Q30" s="25">
        <v>0</v>
      </c>
      <c r="R30" s="25">
        <v>113</v>
      </c>
      <c r="S30" s="25">
        <v>0</v>
      </c>
      <c r="T30" s="25">
        <v>243</v>
      </c>
      <c r="U30" s="28">
        <v>2.100840336134454E-2</v>
      </c>
      <c r="V30" s="24">
        <v>79</v>
      </c>
      <c r="W30" s="25">
        <v>130</v>
      </c>
      <c r="X30" s="25">
        <v>0</v>
      </c>
      <c r="Y30" s="25">
        <v>0</v>
      </c>
      <c r="Z30" s="25">
        <v>113</v>
      </c>
      <c r="AA30" s="25">
        <v>0</v>
      </c>
      <c r="AB30" s="27"/>
      <c r="AC30" s="25">
        <v>103</v>
      </c>
      <c r="AD30" s="25">
        <v>136</v>
      </c>
      <c r="AE30" s="25">
        <v>153</v>
      </c>
      <c r="AF30" s="25">
        <v>150</v>
      </c>
      <c r="AG30" s="25">
        <v>122</v>
      </c>
      <c r="AH30" s="25">
        <v>134</v>
      </c>
      <c r="AI30" s="25">
        <v>128</v>
      </c>
      <c r="AJ30" s="25">
        <v>156</v>
      </c>
      <c r="AK30" s="25">
        <v>135</v>
      </c>
      <c r="AL30" s="25">
        <v>140</v>
      </c>
      <c r="AM30" s="25">
        <v>125</v>
      </c>
      <c r="AN30" s="25">
        <v>113</v>
      </c>
      <c r="AO30" s="25">
        <v>1595</v>
      </c>
      <c r="AP30" s="25">
        <v>127</v>
      </c>
      <c r="AQ30" s="25">
        <v>0</v>
      </c>
      <c r="AR30" s="25">
        <v>0</v>
      </c>
      <c r="AS30" s="25">
        <v>111</v>
      </c>
      <c r="AT30" s="25">
        <v>0</v>
      </c>
      <c r="AU30" s="25">
        <v>238</v>
      </c>
      <c r="AV30" s="28">
        <v>0.10697674418604651</v>
      </c>
      <c r="AW30" s="24">
        <v>65</v>
      </c>
      <c r="AX30" s="25">
        <v>127</v>
      </c>
      <c r="AY30" s="25">
        <v>1</v>
      </c>
      <c r="AZ30" s="25">
        <v>0</v>
      </c>
      <c r="BA30" s="25">
        <v>111</v>
      </c>
      <c r="BB30" s="25">
        <v>0</v>
      </c>
    </row>
    <row r="31" spans="1:54">
      <c r="A31" s="17" t="s">
        <v>106</v>
      </c>
      <c r="B31" s="26">
        <v>352</v>
      </c>
      <c r="C31" s="26">
        <v>371</v>
      </c>
      <c r="D31" s="26">
        <v>0</v>
      </c>
      <c r="E31" s="26">
        <v>0</v>
      </c>
      <c r="F31" s="26">
        <v>0</v>
      </c>
      <c r="G31" s="26">
        <v>0</v>
      </c>
      <c r="H31" s="26">
        <v>0</v>
      </c>
      <c r="I31" s="26">
        <v>0</v>
      </c>
      <c r="J31" s="26">
        <v>0</v>
      </c>
      <c r="K31" s="26">
        <v>0</v>
      </c>
      <c r="L31" s="26">
        <v>0</v>
      </c>
      <c r="M31" s="26">
        <v>0</v>
      </c>
      <c r="N31" s="26">
        <v>723</v>
      </c>
      <c r="O31" s="26">
        <v>357</v>
      </c>
      <c r="P31" s="26">
        <v>0</v>
      </c>
      <c r="Q31" s="26">
        <v>0</v>
      </c>
      <c r="R31" s="26">
        <v>361</v>
      </c>
      <c r="S31" s="26">
        <v>0</v>
      </c>
      <c r="T31" s="26">
        <v>718</v>
      </c>
      <c r="U31" s="29">
        <v>7.4850299401197598E-2</v>
      </c>
      <c r="V31" s="15">
        <v>74</v>
      </c>
      <c r="W31" s="26">
        <v>359</v>
      </c>
      <c r="X31" s="26">
        <v>3</v>
      </c>
      <c r="Y31" s="26">
        <v>0</v>
      </c>
      <c r="Z31" s="26">
        <v>361</v>
      </c>
      <c r="AA31" s="26">
        <v>0</v>
      </c>
      <c r="AB31" s="27"/>
      <c r="AC31" s="26">
        <v>298</v>
      </c>
      <c r="AD31" s="26">
        <v>378</v>
      </c>
      <c r="AE31" s="26">
        <v>570</v>
      </c>
      <c r="AF31" s="26">
        <v>562</v>
      </c>
      <c r="AG31" s="26">
        <v>536</v>
      </c>
      <c r="AH31" s="26">
        <v>503</v>
      </c>
      <c r="AI31" s="26">
        <v>495</v>
      </c>
      <c r="AJ31" s="26">
        <v>573</v>
      </c>
      <c r="AK31" s="26">
        <v>500</v>
      </c>
      <c r="AL31" s="26">
        <v>489</v>
      </c>
      <c r="AM31" s="26">
        <v>439</v>
      </c>
      <c r="AN31" s="26">
        <v>433</v>
      </c>
      <c r="AO31" s="26">
        <v>5776</v>
      </c>
      <c r="AP31" s="26">
        <v>336</v>
      </c>
      <c r="AQ31" s="26">
        <v>2</v>
      </c>
      <c r="AR31" s="26">
        <v>0</v>
      </c>
      <c r="AS31" s="26">
        <v>330</v>
      </c>
      <c r="AT31" s="26">
        <v>0</v>
      </c>
      <c r="AU31" s="26">
        <v>668</v>
      </c>
      <c r="AV31" s="29">
        <v>0.176056338028169</v>
      </c>
      <c r="AW31" s="15">
        <v>45</v>
      </c>
      <c r="AX31" s="26">
        <v>340</v>
      </c>
      <c r="AY31" s="26">
        <v>6</v>
      </c>
      <c r="AZ31" s="26">
        <v>0</v>
      </c>
      <c r="BA31" s="26">
        <v>330</v>
      </c>
      <c r="BB31" s="26">
        <v>0</v>
      </c>
    </row>
    <row r="32" spans="1:54">
      <c r="A32" s="16" t="s">
        <v>107</v>
      </c>
      <c r="B32" s="25">
        <v>607</v>
      </c>
      <c r="C32" s="25">
        <v>665</v>
      </c>
      <c r="D32" s="25">
        <v>0</v>
      </c>
      <c r="E32" s="25">
        <v>0</v>
      </c>
      <c r="F32" s="25">
        <v>0</v>
      </c>
      <c r="G32" s="25">
        <v>0</v>
      </c>
      <c r="H32" s="25">
        <v>0</v>
      </c>
      <c r="I32" s="25">
        <v>0</v>
      </c>
      <c r="J32" s="25">
        <v>0</v>
      </c>
      <c r="K32" s="25">
        <v>0</v>
      </c>
      <c r="L32" s="25">
        <v>0</v>
      </c>
      <c r="M32" s="25">
        <v>0</v>
      </c>
      <c r="N32" s="25">
        <v>1272</v>
      </c>
      <c r="O32" s="25">
        <v>638</v>
      </c>
      <c r="P32" s="25">
        <v>0</v>
      </c>
      <c r="Q32" s="25">
        <v>0</v>
      </c>
      <c r="R32" s="25">
        <v>623</v>
      </c>
      <c r="S32" s="25">
        <v>0</v>
      </c>
      <c r="T32" s="25">
        <v>1261</v>
      </c>
      <c r="U32" s="28">
        <v>0.20095238095238097</v>
      </c>
      <c r="V32" s="24">
        <v>45</v>
      </c>
      <c r="W32" s="25">
        <v>641</v>
      </c>
      <c r="X32" s="25">
        <v>8</v>
      </c>
      <c r="Y32" s="25">
        <v>0</v>
      </c>
      <c r="Z32" s="25">
        <v>623</v>
      </c>
      <c r="AA32" s="25">
        <v>0</v>
      </c>
      <c r="AB32" s="27"/>
      <c r="AC32" s="25">
        <v>472</v>
      </c>
      <c r="AD32" s="25">
        <v>581</v>
      </c>
      <c r="AE32" s="25">
        <v>866</v>
      </c>
      <c r="AF32" s="25">
        <v>763</v>
      </c>
      <c r="AG32" s="25">
        <v>728</v>
      </c>
      <c r="AH32" s="25">
        <v>736</v>
      </c>
      <c r="AI32" s="25">
        <v>704</v>
      </c>
      <c r="AJ32" s="25">
        <v>818</v>
      </c>
      <c r="AK32" s="25">
        <v>757</v>
      </c>
      <c r="AL32" s="25">
        <v>698</v>
      </c>
      <c r="AM32" s="25">
        <v>746</v>
      </c>
      <c r="AN32" s="25">
        <v>652</v>
      </c>
      <c r="AO32" s="25">
        <v>8521</v>
      </c>
      <c r="AP32" s="25">
        <v>498</v>
      </c>
      <c r="AQ32" s="25">
        <v>2</v>
      </c>
      <c r="AR32" s="25">
        <v>0</v>
      </c>
      <c r="AS32" s="25">
        <v>550</v>
      </c>
      <c r="AT32" s="25">
        <v>0</v>
      </c>
      <c r="AU32" s="25">
        <v>1050</v>
      </c>
      <c r="AV32" s="28">
        <v>0.13882863340563992</v>
      </c>
      <c r="AW32" s="24">
        <v>56</v>
      </c>
      <c r="AX32" s="25">
        <v>498</v>
      </c>
      <c r="AY32" s="25">
        <v>5</v>
      </c>
      <c r="AZ32" s="25">
        <v>0</v>
      </c>
      <c r="BA32" s="25">
        <v>550</v>
      </c>
      <c r="BB32" s="25">
        <v>0</v>
      </c>
    </row>
    <row r="33" spans="1:54">
      <c r="A33" s="17" t="s">
        <v>100</v>
      </c>
      <c r="B33" s="26">
        <v>78</v>
      </c>
      <c r="C33" s="26">
        <v>86</v>
      </c>
      <c r="D33" s="26">
        <v>0</v>
      </c>
      <c r="E33" s="26">
        <v>0</v>
      </c>
      <c r="F33" s="26">
        <v>0</v>
      </c>
      <c r="G33" s="26">
        <v>0</v>
      </c>
      <c r="H33" s="26">
        <v>0</v>
      </c>
      <c r="I33" s="26">
        <v>0</v>
      </c>
      <c r="J33" s="26">
        <v>0</v>
      </c>
      <c r="K33" s="26">
        <v>0</v>
      </c>
      <c r="L33" s="26">
        <v>0</v>
      </c>
      <c r="M33" s="26">
        <v>0</v>
      </c>
      <c r="N33" s="26">
        <v>164</v>
      </c>
      <c r="O33" s="26">
        <v>144</v>
      </c>
      <c r="P33" s="26">
        <v>0</v>
      </c>
      <c r="Q33" s="26">
        <v>0</v>
      </c>
      <c r="R33" s="26">
        <v>13</v>
      </c>
      <c r="S33" s="26">
        <v>0</v>
      </c>
      <c r="T33" s="26">
        <v>157</v>
      </c>
      <c r="U33" s="29">
        <v>0.18045112781954886</v>
      </c>
      <c r="V33" s="15">
        <v>50</v>
      </c>
      <c r="W33" s="26">
        <v>149</v>
      </c>
      <c r="X33" s="26">
        <v>2</v>
      </c>
      <c r="Y33" s="26">
        <v>0</v>
      </c>
      <c r="Z33" s="26">
        <v>13</v>
      </c>
      <c r="AA33" s="26">
        <v>0</v>
      </c>
      <c r="AB33" s="27"/>
      <c r="AC33" s="26">
        <v>72</v>
      </c>
      <c r="AD33" s="26">
        <v>62</v>
      </c>
      <c r="AE33" s="26">
        <v>115</v>
      </c>
      <c r="AF33" s="26">
        <v>92</v>
      </c>
      <c r="AG33" s="26">
        <v>104</v>
      </c>
      <c r="AH33" s="26">
        <v>87</v>
      </c>
      <c r="AI33" s="26">
        <v>69</v>
      </c>
      <c r="AJ33" s="26">
        <v>90</v>
      </c>
      <c r="AK33" s="26">
        <v>94</v>
      </c>
      <c r="AL33" s="26">
        <v>106</v>
      </c>
      <c r="AM33" s="26">
        <v>113</v>
      </c>
      <c r="AN33" s="26">
        <v>92</v>
      </c>
      <c r="AO33" s="26">
        <v>1096</v>
      </c>
      <c r="AP33" s="26">
        <v>109</v>
      </c>
      <c r="AQ33" s="26">
        <v>0</v>
      </c>
      <c r="AR33" s="26">
        <v>0</v>
      </c>
      <c r="AS33" s="26">
        <v>24</v>
      </c>
      <c r="AT33" s="26">
        <v>0</v>
      </c>
      <c r="AU33" s="26">
        <v>133</v>
      </c>
      <c r="AV33" s="29">
        <v>0.38541666666666669</v>
      </c>
      <c r="AW33" s="15">
        <v>12</v>
      </c>
      <c r="AX33" s="26">
        <v>110</v>
      </c>
      <c r="AY33" s="26">
        <v>0</v>
      </c>
      <c r="AZ33" s="26">
        <v>0</v>
      </c>
      <c r="BA33" s="26">
        <v>24</v>
      </c>
      <c r="BB33" s="26">
        <v>0</v>
      </c>
    </row>
    <row r="34" spans="1:54">
      <c r="A34" s="16" t="s">
        <v>101</v>
      </c>
      <c r="B34" s="25">
        <v>130</v>
      </c>
      <c r="C34" s="25">
        <v>112</v>
      </c>
      <c r="D34" s="25">
        <v>0</v>
      </c>
      <c r="E34" s="25">
        <v>0</v>
      </c>
      <c r="F34" s="25">
        <v>0</v>
      </c>
      <c r="G34" s="25">
        <v>0</v>
      </c>
      <c r="H34" s="25">
        <v>0</v>
      </c>
      <c r="I34" s="25">
        <v>0</v>
      </c>
      <c r="J34" s="25">
        <v>0</v>
      </c>
      <c r="K34" s="25">
        <v>0</v>
      </c>
      <c r="L34" s="25">
        <v>0</v>
      </c>
      <c r="M34" s="25">
        <v>0</v>
      </c>
      <c r="N34" s="25">
        <v>242</v>
      </c>
      <c r="O34" s="25">
        <v>192</v>
      </c>
      <c r="P34" s="25">
        <v>0</v>
      </c>
      <c r="Q34" s="25">
        <v>0</v>
      </c>
      <c r="R34" s="25">
        <v>50</v>
      </c>
      <c r="S34" s="25">
        <v>0</v>
      </c>
      <c r="T34" s="25">
        <v>242</v>
      </c>
      <c r="U34" s="28">
        <v>0.15789473684210525</v>
      </c>
      <c r="V34" s="24">
        <v>54</v>
      </c>
      <c r="W34" s="25">
        <v>192</v>
      </c>
      <c r="X34" s="25">
        <v>0</v>
      </c>
      <c r="Y34" s="25">
        <v>0</v>
      </c>
      <c r="Z34" s="25">
        <v>50</v>
      </c>
      <c r="AA34" s="25">
        <v>0</v>
      </c>
      <c r="AB34" s="27"/>
      <c r="AC34" s="25">
        <v>105</v>
      </c>
      <c r="AD34" s="25">
        <v>104</v>
      </c>
      <c r="AE34" s="25">
        <v>174</v>
      </c>
      <c r="AF34" s="25">
        <v>147</v>
      </c>
      <c r="AG34" s="25">
        <v>147</v>
      </c>
      <c r="AH34" s="25">
        <v>154</v>
      </c>
      <c r="AI34" s="25">
        <v>126</v>
      </c>
      <c r="AJ34" s="25">
        <v>168</v>
      </c>
      <c r="AK34" s="25">
        <v>154</v>
      </c>
      <c r="AL34" s="25">
        <v>131</v>
      </c>
      <c r="AM34" s="25">
        <v>135</v>
      </c>
      <c r="AN34" s="25">
        <v>135</v>
      </c>
      <c r="AO34" s="25">
        <v>1680</v>
      </c>
      <c r="AP34" s="25">
        <v>159</v>
      </c>
      <c r="AQ34" s="25">
        <v>0</v>
      </c>
      <c r="AR34" s="25">
        <v>0</v>
      </c>
      <c r="AS34" s="25">
        <v>50</v>
      </c>
      <c r="AT34" s="25">
        <v>0</v>
      </c>
      <c r="AU34" s="25">
        <v>209</v>
      </c>
      <c r="AV34" s="28">
        <v>0.20809248554913296</v>
      </c>
      <c r="AW34" s="24">
        <v>39</v>
      </c>
      <c r="AX34" s="25">
        <v>159</v>
      </c>
      <c r="AY34" s="25">
        <v>0</v>
      </c>
      <c r="AZ34" s="25">
        <v>0</v>
      </c>
      <c r="BA34" s="25">
        <v>50</v>
      </c>
      <c r="BB34" s="25">
        <v>0</v>
      </c>
    </row>
    <row r="35" spans="1:54">
      <c r="A35" s="17" t="s">
        <v>108</v>
      </c>
      <c r="B35" s="26">
        <v>197</v>
      </c>
      <c r="C35" s="26">
        <v>211</v>
      </c>
      <c r="D35" s="26">
        <v>0</v>
      </c>
      <c r="E35" s="26">
        <v>0</v>
      </c>
      <c r="F35" s="26">
        <v>0</v>
      </c>
      <c r="G35" s="26">
        <v>0</v>
      </c>
      <c r="H35" s="26">
        <v>0</v>
      </c>
      <c r="I35" s="26">
        <v>0</v>
      </c>
      <c r="J35" s="26">
        <v>0</v>
      </c>
      <c r="K35" s="26">
        <v>0</v>
      </c>
      <c r="L35" s="26">
        <v>0</v>
      </c>
      <c r="M35" s="26">
        <v>0</v>
      </c>
      <c r="N35" s="26">
        <v>408</v>
      </c>
      <c r="O35" s="26">
        <v>182</v>
      </c>
      <c r="P35" s="26">
        <v>0</v>
      </c>
      <c r="Q35" s="26">
        <v>2</v>
      </c>
      <c r="R35" s="26">
        <v>222</v>
      </c>
      <c r="S35" s="26">
        <v>0</v>
      </c>
      <c r="T35" s="26">
        <v>406</v>
      </c>
      <c r="U35" s="29">
        <v>2.0100502512562814E-2</v>
      </c>
      <c r="V35" s="15">
        <v>80</v>
      </c>
      <c r="W35" s="26">
        <v>182</v>
      </c>
      <c r="X35" s="26">
        <v>1</v>
      </c>
      <c r="Y35" s="26">
        <v>3</v>
      </c>
      <c r="Z35" s="26">
        <v>222</v>
      </c>
      <c r="AA35" s="26">
        <v>0</v>
      </c>
      <c r="AB35" s="27"/>
      <c r="AC35" s="26">
        <v>187</v>
      </c>
      <c r="AD35" s="26">
        <v>212</v>
      </c>
      <c r="AE35" s="26">
        <v>368</v>
      </c>
      <c r="AF35" s="26">
        <v>349</v>
      </c>
      <c r="AG35" s="26">
        <v>292</v>
      </c>
      <c r="AH35" s="26">
        <v>325</v>
      </c>
      <c r="AI35" s="26">
        <v>292</v>
      </c>
      <c r="AJ35" s="26">
        <v>358</v>
      </c>
      <c r="AK35" s="26">
        <v>318</v>
      </c>
      <c r="AL35" s="26">
        <v>306</v>
      </c>
      <c r="AM35" s="26">
        <v>285</v>
      </c>
      <c r="AN35" s="26">
        <v>262</v>
      </c>
      <c r="AO35" s="26">
        <v>3554</v>
      </c>
      <c r="AP35" s="26">
        <v>175</v>
      </c>
      <c r="AQ35" s="26">
        <v>1</v>
      </c>
      <c r="AR35" s="26">
        <v>0</v>
      </c>
      <c r="AS35" s="26">
        <v>222</v>
      </c>
      <c r="AT35" s="26">
        <v>0</v>
      </c>
      <c r="AU35" s="26">
        <v>398</v>
      </c>
      <c r="AV35" s="29">
        <v>0.25552050473186122</v>
      </c>
      <c r="AW35" s="15">
        <v>28</v>
      </c>
      <c r="AX35" s="26">
        <v>175</v>
      </c>
      <c r="AY35" s="26">
        <v>2</v>
      </c>
      <c r="AZ35" s="26">
        <v>0</v>
      </c>
      <c r="BA35" s="26">
        <v>222</v>
      </c>
      <c r="BB35" s="26">
        <v>0</v>
      </c>
    </row>
    <row r="36" spans="1:54">
      <c r="A36" s="16" t="s">
        <v>109</v>
      </c>
      <c r="B36" s="25">
        <v>298</v>
      </c>
      <c r="C36" s="25">
        <v>396</v>
      </c>
      <c r="D36" s="25">
        <v>0</v>
      </c>
      <c r="E36" s="25">
        <v>0</v>
      </c>
      <c r="F36" s="25">
        <v>0</v>
      </c>
      <c r="G36" s="25">
        <v>0</v>
      </c>
      <c r="H36" s="25">
        <v>0</v>
      </c>
      <c r="I36" s="25">
        <v>0</v>
      </c>
      <c r="J36" s="25">
        <v>0</v>
      </c>
      <c r="K36" s="25">
        <v>0</v>
      </c>
      <c r="L36" s="25">
        <v>0</v>
      </c>
      <c r="M36" s="25">
        <v>0</v>
      </c>
      <c r="N36" s="25">
        <v>694</v>
      </c>
      <c r="O36" s="25">
        <v>436</v>
      </c>
      <c r="P36" s="25">
        <v>0</v>
      </c>
      <c r="Q36" s="25">
        <v>0</v>
      </c>
      <c r="R36" s="25">
        <v>255</v>
      </c>
      <c r="S36" s="25">
        <v>0</v>
      </c>
      <c r="T36" s="25">
        <v>691</v>
      </c>
      <c r="U36" s="28">
        <v>0.15939597315436241</v>
      </c>
      <c r="V36" s="24">
        <v>53</v>
      </c>
      <c r="W36" s="25">
        <v>439</v>
      </c>
      <c r="X36" s="25">
        <v>0</v>
      </c>
      <c r="Y36" s="25">
        <v>0</v>
      </c>
      <c r="Z36" s="25">
        <v>255</v>
      </c>
      <c r="AA36" s="25">
        <v>0</v>
      </c>
      <c r="AB36" s="27"/>
      <c r="AC36" s="25">
        <v>286</v>
      </c>
      <c r="AD36" s="25">
        <v>313</v>
      </c>
      <c r="AE36" s="25">
        <v>480</v>
      </c>
      <c r="AF36" s="25">
        <v>398</v>
      </c>
      <c r="AG36" s="25">
        <v>440</v>
      </c>
      <c r="AH36" s="25">
        <v>379</v>
      </c>
      <c r="AI36" s="25">
        <v>390</v>
      </c>
      <c r="AJ36" s="25">
        <v>383</v>
      </c>
      <c r="AK36" s="25">
        <v>367</v>
      </c>
      <c r="AL36" s="25">
        <v>389</v>
      </c>
      <c r="AM36" s="25">
        <v>403</v>
      </c>
      <c r="AN36" s="25">
        <v>350</v>
      </c>
      <c r="AO36" s="25">
        <v>4578</v>
      </c>
      <c r="AP36" s="25">
        <v>377</v>
      </c>
      <c r="AQ36" s="25">
        <v>0</v>
      </c>
      <c r="AR36" s="25">
        <v>0</v>
      </c>
      <c r="AS36" s="25">
        <v>219</v>
      </c>
      <c r="AT36" s="25">
        <v>0</v>
      </c>
      <c r="AU36" s="25">
        <v>596</v>
      </c>
      <c r="AV36" s="28">
        <v>0.21632653061224491</v>
      </c>
      <c r="AW36" s="24">
        <v>38</v>
      </c>
      <c r="AX36" s="25">
        <v>378</v>
      </c>
      <c r="AY36" s="25">
        <v>1</v>
      </c>
      <c r="AZ36" s="25">
        <v>0</v>
      </c>
      <c r="BA36" s="25">
        <v>220</v>
      </c>
      <c r="BB36" s="25">
        <v>0</v>
      </c>
    </row>
    <row r="37" spans="1:54">
      <c r="A37" s="17" t="s">
        <v>110</v>
      </c>
      <c r="B37" s="26">
        <v>404</v>
      </c>
      <c r="C37" s="26">
        <v>486</v>
      </c>
      <c r="D37" s="26">
        <v>0</v>
      </c>
      <c r="E37" s="26">
        <v>0</v>
      </c>
      <c r="F37" s="26">
        <v>0</v>
      </c>
      <c r="G37" s="26">
        <v>0</v>
      </c>
      <c r="H37" s="26">
        <v>0</v>
      </c>
      <c r="I37" s="26">
        <v>0</v>
      </c>
      <c r="J37" s="26">
        <v>0</v>
      </c>
      <c r="K37" s="26">
        <v>0</v>
      </c>
      <c r="L37" s="26">
        <v>0</v>
      </c>
      <c r="M37" s="26">
        <v>0</v>
      </c>
      <c r="N37" s="26">
        <v>890</v>
      </c>
      <c r="O37" s="26">
        <v>371</v>
      </c>
      <c r="P37" s="26">
        <v>0</v>
      </c>
      <c r="Q37" s="26">
        <v>0</v>
      </c>
      <c r="R37" s="26">
        <v>514</v>
      </c>
      <c r="S37" s="26">
        <v>0</v>
      </c>
      <c r="T37" s="26">
        <v>885</v>
      </c>
      <c r="U37" s="29">
        <v>0.1752988047808765</v>
      </c>
      <c r="V37" s="15">
        <v>51</v>
      </c>
      <c r="W37" s="26">
        <v>372</v>
      </c>
      <c r="X37" s="26">
        <v>4</v>
      </c>
      <c r="Y37" s="26">
        <v>0</v>
      </c>
      <c r="Z37" s="26">
        <v>514</v>
      </c>
      <c r="AA37" s="26">
        <v>0</v>
      </c>
      <c r="AB37" s="27"/>
      <c r="AC37" s="26">
        <v>371</v>
      </c>
      <c r="AD37" s="26">
        <v>389</v>
      </c>
      <c r="AE37" s="26">
        <v>527</v>
      </c>
      <c r="AF37" s="26">
        <v>500</v>
      </c>
      <c r="AG37" s="26">
        <v>442</v>
      </c>
      <c r="AH37" s="26">
        <v>434</v>
      </c>
      <c r="AI37" s="26">
        <v>411</v>
      </c>
      <c r="AJ37" s="26">
        <v>490</v>
      </c>
      <c r="AK37" s="26">
        <v>490</v>
      </c>
      <c r="AL37" s="26">
        <v>507</v>
      </c>
      <c r="AM37" s="26">
        <v>443</v>
      </c>
      <c r="AN37" s="26">
        <v>462</v>
      </c>
      <c r="AO37" s="26">
        <v>5466</v>
      </c>
      <c r="AP37" s="26">
        <v>334</v>
      </c>
      <c r="AQ37" s="26">
        <v>1</v>
      </c>
      <c r="AR37" s="26">
        <v>0</v>
      </c>
      <c r="AS37" s="26">
        <v>418</v>
      </c>
      <c r="AT37" s="26">
        <v>0</v>
      </c>
      <c r="AU37" s="26">
        <v>753</v>
      </c>
      <c r="AV37" s="29">
        <v>0.39444444444444443</v>
      </c>
      <c r="AW37" s="15">
        <v>10</v>
      </c>
      <c r="AX37" s="26">
        <v>336</v>
      </c>
      <c r="AY37" s="26">
        <v>6</v>
      </c>
      <c r="AZ37" s="26">
        <v>0</v>
      </c>
      <c r="BA37" s="26">
        <v>418</v>
      </c>
      <c r="BB37" s="26">
        <v>0</v>
      </c>
    </row>
    <row r="38" spans="1:54">
      <c r="A38" s="16" t="s">
        <v>111</v>
      </c>
      <c r="B38" s="25">
        <v>188</v>
      </c>
      <c r="C38" s="25">
        <v>181</v>
      </c>
      <c r="D38" s="25">
        <v>0</v>
      </c>
      <c r="E38" s="25">
        <v>0</v>
      </c>
      <c r="F38" s="25">
        <v>0</v>
      </c>
      <c r="G38" s="25">
        <v>0</v>
      </c>
      <c r="H38" s="25">
        <v>0</v>
      </c>
      <c r="I38" s="25">
        <v>0</v>
      </c>
      <c r="J38" s="25">
        <v>0</v>
      </c>
      <c r="K38" s="25">
        <v>0</v>
      </c>
      <c r="L38" s="25">
        <v>0</v>
      </c>
      <c r="M38" s="25">
        <v>0</v>
      </c>
      <c r="N38" s="25">
        <v>369</v>
      </c>
      <c r="O38" s="25">
        <v>77</v>
      </c>
      <c r="P38" s="25">
        <v>1</v>
      </c>
      <c r="Q38" s="25">
        <v>0</v>
      </c>
      <c r="R38" s="25">
        <v>286</v>
      </c>
      <c r="S38" s="25">
        <v>0</v>
      </c>
      <c r="T38" s="25">
        <v>364</v>
      </c>
      <c r="U38" s="28">
        <v>0.3946360153256705</v>
      </c>
      <c r="V38" s="24">
        <v>9</v>
      </c>
      <c r="W38" s="25">
        <v>79</v>
      </c>
      <c r="X38" s="25">
        <v>4</v>
      </c>
      <c r="Y38" s="25">
        <v>0</v>
      </c>
      <c r="Z38" s="25">
        <v>286</v>
      </c>
      <c r="AA38" s="25">
        <v>0</v>
      </c>
      <c r="AB38" s="27"/>
      <c r="AC38" s="25">
        <v>136</v>
      </c>
      <c r="AD38" s="25">
        <v>134</v>
      </c>
      <c r="AE38" s="25">
        <v>203</v>
      </c>
      <c r="AF38" s="25">
        <v>175</v>
      </c>
      <c r="AG38" s="25">
        <v>190</v>
      </c>
      <c r="AH38" s="25">
        <v>202</v>
      </c>
      <c r="AI38" s="25">
        <v>195</v>
      </c>
      <c r="AJ38" s="25">
        <v>233</v>
      </c>
      <c r="AK38" s="25">
        <v>213</v>
      </c>
      <c r="AL38" s="25">
        <v>215</v>
      </c>
      <c r="AM38" s="25">
        <v>156</v>
      </c>
      <c r="AN38" s="25">
        <v>168</v>
      </c>
      <c r="AO38" s="25">
        <v>2220</v>
      </c>
      <c r="AP38" s="25">
        <v>56</v>
      </c>
      <c r="AQ38" s="25">
        <v>1</v>
      </c>
      <c r="AR38" s="25">
        <v>0</v>
      </c>
      <c r="AS38" s="25">
        <v>204</v>
      </c>
      <c r="AT38" s="25">
        <v>0</v>
      </c>
      <c r="AU38" s="25">
        <v>261</v>
      </c>
      <c r="AV38" s="28">
        <v>0.42622950819672129</v>
      </c>
      <c r="AW38" s="24">
        <v>7</v>
      </c>
      <c r="AX38" s="25">
        <v>59</v>
      </c>
      <c r="AY38" s="25">
        <v>7</v>
      </c>
      <c r="AZ38" s="25">
        <v>0</v>
      </c>
      <c r="BA38" s="25">
        <v>204</v>
      </c>
      <c r="BB38" s="25">
        <v>0</v>
      </c>
    </row>
    <row r="39" spans="1:54">
      <c r="A39" s="17" t="s">
        <v>112</v>
      </c>
      <c r="B39" s="26">
        <v>62</v>
      </c>
      <c r="C39" s="26">
        <v>87</v>
      </c>
      <c r="D39" s="26">
        <v>0</v>
      </c>
      <c r="E39" s="26">
        <v>0</v>
      </c>
      <c r="F39" s="26">
        <v>0</v>
      </c>
      <c r="G39" s="26">
        <v>0</v>
      </c>
      <c r="H39" s="26">
        <v>0</v>
      </c>
      <c r="I39" s="26">
        <v>0</v>
      </c>
      <c r="J39" s="26">
        <v>0</v>
      </c>
      <c r="K39" s="26">
        <v>0</v>
      </c>
      <c r="L39" s="26">
        <v>0</v>
      </c>
      <c r="M39" s="26">
        <v>0</v>
      </c>
      <c r="N39" s="26">
        <v>149</v>
      </c>
      <c r="O39" s="26">
        <v>71</v>
      </c>
      <c r="P39" s="26">
        <v>0</v>
      </c>
      <c r="Q39" s="26">
        <v>0</v>
      </c>
      <c r="R39" s="26">
        <v>76</v>
      </c>
      <c r="S39" s="26">
        <v>0</v>
      </c>
      <c r="T39" s="26">
        <v>147</v>
      </c>
      <c r="U39" s="29">
        <v>0.23529411764705882</v>
      </c>
      <c r="V39" s="15">
        <v>37</v>
      </c>
      <c r="W39" s="26">
        <v>71</v>
      </c>
      <c r="X39" s="26">
        <v>2</v>
      </c>
      <c r="Y39" s="26">
        <v>0</v>
      </c>
      <c r="Z39" s="26">
        <v>76</v>
      </c>
      <c r="AA39" s="26">
        <v>0</v>
      </c>
      <c r="AB39" s="27"/>
      <c r="AC39" s="26">
        <v>62</v>
      </c>
      <c r="AD39" s="26">
        <v>60</v>
      </c>
      <c r="AE39" s="26">
        <v>77</v>
      </c>
      <c r="AF39" s="26">
        <v>65</v>
      </c>
      <c r="AG39" s="26">
        <v>80</v>
      </c>
      <c r="AH39" s="26">
        <v>79</v>
      </c>
      <c r="AI39" s="26">
        <v>70</v>
      </c>
      <c r="AJ39" s="26">
        <v>84</v>
      </c>
      <c r="AK39" s="26">
        <v>88</v>
      </c>
      <c r="AL39" s="26">
        <v>83</v>
      </c>
      <c r="AM39" s="26">
        <v>80</v>
      </c>
      <c r="AN39" s="26">
        <v>85</v>
      </c>
      <c r="AO39" s="26">
        <v>913</v>
      </c>
      <c r="AP39" s="26">
        <v>50</v>
      </c>
      <c r="AQ39" s="26">
        <v>0</v>
      </c>
      <c r="AR39" s="26">
        <v>0</v>
      </c>
      <c r="AS39" s="26">
        <v>69</v>
      </c>
      <c r="AT39" s="26">
        <v>0</v>
      </c>
      <c r="AU39" s="26">
        <v>119</v>
      </c>
      <c r="AV39" s="29">
        <v>0.38372093023255816</v>
      </c>
      <c r="AW39" s="15">
        <v>13</v>
      </c>
      <c r="AX39" s="26">
        <v>50</v>
      </c>
      <c r="AY39" s="26">
        <v>3</v>
      </c>
      <c r="AZ39" s="26">
        <v>0</v>
      </c>
      <c r="BA39" s="26">
        <v>69</v>
      </c>
      <c r="BB39" s="26">
        <v>0</v>
      </c>
    </row>
    <row r="40" spans="1:54">
      <c r="A40" s="16" t="s">
        <v>113</v>
      </c>
      <c r="B40" s="25">
        <v>427</v>
      </c>
      <c r="C40" s="25">
        <v>471</v>
      </c>
      <c r="D40" s="25">
        <v>0</v>
      </c>
      <c r="E40" s="25">
        <v>0</v>
      </c>
      <c r="F40" s="25">
        <v>0</v>
      </c>
      <c r="G40" s="25">
        <v>0</v>
      </c>
      <c r="H40" s="25">
        <v>0</v>
      </c>
      <c r="I40" s="25">
        <v>0</v>
      </c>
      <c r="J40" s="25">
        <v>0</v>
      </c>
      <c r="K40" s="25">
        <v>0</v>
      </c>
      <c r="L40" s="25">
        <v>0</v>
      </c>
      <c r="M40" s="25">
        <v>0</v>
      </c>
      <c r="N40" s="25">
        <v>898</v>
      </c>
      <c r="O40" s="25">
        <v>136</v>
      </c>
      <c r="P40" s="25">
        <v>1</v>
      </c>
      <c r="Q40" s="25">
        <v>1</v>
      </c>
      <c r="R40" s="25">
        <v>749</v>
      </c>
      <c r="S40" s="25">
        <v>0</v>
      </c>
      <c r="T40" s="25">
        <v>887</v>
      </c>
      <c r="U40" s="28">
        <v>0.21174863387978143</v>
      </c>
      <c r="V40" s="24">
        <v>42</v>
      </c>
      <c r="W40" s="25">
        <v>138</v>
      </c>
      <c r="X40" s="25">
        <v>10</v>
      </c>
      <c r="Y40" s="25">
        <v>1</v>
      </c>
      <c r="Z40" s="25">
        <v>749</v>
      </c>
      <c r="AA40" s="25">
        <v>0</v>
      </c>
      <c r="AB40" s="27"/>
      <c r="AC40" s="25">
        <v>335</v>
      </c>
      <c r="AD40" s="25">
        <v>406</v>
      </c>
      <c r="AE40" s="25">
        <v>508</v>
      </c>
      <c r="AF40" s="25">
        <v>401</v>
      </c>
      <c r="AG40" s="25">
        <v>422</v>
      </c>
      <c r="AH40" s="25">
        <v>393</v>
      </c>
      <c r="AI40" s="25">
        <v>400</v>
      </c>
      <c r="AJ40" s="25">
        <v>496</v>
      </c>
      <c r="AK40" s="25">
        <v>478</v>
      </c>
      <c r="AL40" s="25">
        <v>455</v>
      </c>
      <c r="AM40" s="25">
        <v>406</v>
      </c>
      <c r="AN40" s="25">
        <v>387</v>
      </c>
      <c r="AO40" s="25">
        <v>5087</v>
      </c>
      <c r="AP40" s="25">
        <v>99</v>
      </c>
      <c r="AQ40" s="25">
        <v>2</v>
      </c>
      <c r="AR40" s="25">
        <v>0</v>
      </c>
      <c r="AS40" s="25">
        <v>631</v>
      </c>
      <c r="AT40" s="25">
        <v>0</v>
      </c>
      <c r="AU40" s="25">
        <v>732</v>
      </c>
      <c r="AV40" s="28">
        <v>6.5502183406113537E-2</v>
      </c>
      <c r="AW40" s="24">
        <v>72</v>
      </c>
      <c r="AX40" s="25">
        <v>103</v>
      </c>
      <c r="AY40" s="25">
        <v>6</v>
      </c>
      <c r="AZ40" s="25">
        <v>1</v>
      </c>
      <c r="BA40" s="25">
        <v>631</v>
      </c>
      <c r="BB40" s="25">
        <v>0</v>
      </c>
    </row>
    <row r="41" spans="1:54">
      <c r="A41" s="17" t="s">
        <v>116</v>
      </c>
      <c r="B41" s="26">
        <v>25</v>
      </c>
      <c r="C41" s="26">
        <v>41</v>
      </c>
      <c r="D41" s="26">
        <v>0</v>
      </c>
      <c r="E41" s="26">
        <v>0</v>
      </c>
      <c r="F41" s="26">
        <v>0</v>
      </c>
      <c r="G41" s="26">
        <v>0</v>
      </c>
      <c r="H41" s="26">
        <v>0</v>
      </c>
      <c r="I41" s="26">
        <v>0</v>
      </c>
      <c r="J41" s="26">
        <v>0</v>
      </c>
      <c r="K41" s="26">
        <v>0</v>
      </c>
      <c r="L41" s="26">
        <v>0</v>
      </c>
      <c r="M41" s="26">
        <v>0</v>
      </c>
      <c r="N41" s="26">
        <v>66</v>
      </c>
      <c r="O41" s="26">
        <v>52</v>
      </c>
      <c r="P41" s="26">
        <v>0</v>
      </c>
      <c r="Q41" s="26">
        <v>0</v>
      </c>
      <c r="R41" s="26">
        <v>10</v>
      </c>
      <c r="S41" s="26">
        <v>0</v>
      </c>
      <c r="T41" s="26">
        <v>62</v>
      </c>
      <c r="U41" s="29">
        <v>-6.0606060606060608E-2</v>
      </c>
      <c r="V41" s="15">
        <v>89</v>
      </c>
      <c r="W41" s="26">
        <v>53</v>
      </c>
      <c r="X41" s="26">
        <v>3</v>
      </c>
      <c r="Y41" s="26">
        <v>0</v>
      </c>
      <c r="Z41" s="26">
        <v>10</v>
      </c>
      <c r="AA41" s="26">
        <v>0</v>
      </c>
      <c r="AB41" s="27"/>
      <c r="AC41" s="26">
        <v>24</v>
      </c>
      <c r="AD41" s="26">
        <v>47</v>
      </c>
      <c r="AE41" s="26">
        <v>46</v>
      </c>
      <c r="AF41" s="26">
        <v>48</v>
      </c>
      <c r="AG41" s="26">
        <v>46</v>
      </c>
      <c r="AH41" s="26">
        <v>52</v>
      </c>
      <c r="AI41" s="26">
        <v>37</v>
      </c>
      <c r="AJ41" s="26">
        <v>48</v>
      </c>
      <c r="AK41" s="26">
        <v>47</v>
      </c>
      <c r="AL41" s="26">
        <v>45</v>
      </c>
      <c r="AM41" s="26">
        <v>49</v>
      </c>
      <c r="AN41" s="26">
        <v>31</v>
      </c>
      <c r="AO41" s="26">
        <v>520</v>
      </c>
      <c r="AP41" s="26">
        <v>50</v>
      </c>
      <c r="AQ41" s="26">
        <v>1</v>
      </c>
      <c r="AR41" s="26">
        <v>0</v>
      </c>
      <c r="AS41" s="26">
        <v>15</v>
      </c>
      <c r="AT41" s="26">
        <v>0</v>
      </c>
      <c r="AU41" s="26">
        <v>66</v>
      </c>
      <c r="AV41" s="29">
        <v>0.15789473684210525</v>
      </c>
      <c r="AW41" s="15">
        <v>53</v>
      </c>
      <c r="AX41" s="26">
        <v>54</v>
      </c>
      <c r="AY41" s="26">
        <v>2</v>
      </c>
      <c r="AZ41" s="26">
        <v>0</v>
      </c>
      <c r="BA41" s="26">
        <v>15</v>
      </c>
      <c r="BB41" s="26">
        <v>0</v>
      </c>
    </row>
    <row r="42" spans="1:54">
      <c r="A42" s="16" t="s">
        <v>115</v>
      </c>
      <c r="B42" s="25">
        <v>820</v>
      </c>
      <c r="C42" s="25">
        <v>864</v>
      </c>
      <c r="D42" s="25">
        <v>0</v>
      </c>
      <c r="E42" s="25">
        <v>0</v>
      </c>
      <c r="F42" s="25">
        <v>0</v>
      </c>
      <c r="G42" s="25">
        <v>0</v>
      </c>
      <c r="H42" s="25">
        <v>0</v>
      </c>
      <c r="I42" s="25">
        <v>0</v>
      </c>
      <c r="J42" s="25">
        <v>0</v>
      </c>
      <c r="K42" s="25">
        <v>0</v>
      </c>
      <c r="L42" s="25">
        <v>0</v>
      </c>
      <c r="M42" s="25">
        <v>0</v>
      </c>
      <c r="N42" s="25">
        <v>1684</v>
      </c>
      <c r="O42" s="25">
        <v>995</v>
      </c>
      <c r="P42" s="25">
        <v>1</v>
      </c>
      <c r="Q42" s="25">
        <v>0</v>
      </c>
      <c r="R42" s="25">
        <v>664</v>
      </c>
      <c r="S42" s="25">
        <v>0</v>
      </c>
      <c r="T42" s="25">
        <v>1660</v>
      </c>
      <c r="U42" s="28">
        <v>0.29890453834115804</v>
      </c>
      <c r="V42" s="24">
        <v>25</v>
      </c>
      <c r="W42" s="25">
        <v>1010</v>
      </c>
      <c r="X42" s="25">
        <v>9</v>
      </c>
      <c r="Y42" s="25">
        <v>0</v>
      </c>
      <c r="Z42" s="25">
        <v>665</v>
      </c>
      <c r="AA42" s="25">
        <v>0</v>
      </c>
      <c r="AB42" s="27"/>
      <c r="AC42" s="25">
        <v>654</v>
      </c>
      <c r="AD42" s="25">
        <v>651</v>
      </c>
      <c r="AE42" s="25">
        <v>883</v>
      </c>
      <c r="AF42" s="25">
        <v>774</v>
      </c>
      <c r="AG42" s="25">
        <v>836</v>
      </c>
      <c r="AH42" s="25">
        <v>807</v>
      </c>
      <c r="AI42" s="25">
        <v>720</v>
      </c>
      <c r="AJ42" s="25">
        <v>845</v>
      </c>
      <c r="AK42" s="25">
        <v>841</v>
      </c>
      <c r="AL42" s="25">
        <v>824</v>
      </c>
      <c r="AM42" s="25">
        <v>823</v>
      </c>
      <c r="AN42" s="25">
        <v>803</v>
      </c>
      <c r="AO42" s="25">
        <v>9461</v>
      </c>
      <c r="AP42" s="25">
        <v>806</v>
      </c>
      <c r="AQ42" s="25">
        <v>1</v>
      </c>
      <c r="AR42" s="25">
        <v>0</v>
      </c>
      <c r="AS42" s="25">
        <v>471</v>
      </c>
      <c r="AT42" s="25">
        <v>0</v>
      </c>
      <c r="AU42" s="25">
        <v>1278</v>
      </c>
      <c r="AV42" s="28">
        <v>0.31076923076923074</v>
      </c>
      <c r="AW42" s="24">
        <v>21</v>
      </c>
      <c r="AX42" s="25">
        <v>822</v>
      </c>
      <c r="AY42" s="25">
        <v>11</v>
      </c>
      <c r="AZ42" s="25">
        <v>0</v>
      </c>
      <c r="BA42" s="25">
        <v>472</v>
      </c>
      <c r="BB42" s="25">
        <v>0</v>
      </c>
    </row>
    <row r="43" spans="1:54">
      <c r="A43" s="17" t="s">
        <v>114</v>
      </c>
      <c r="B43" s="26">
        <v>335</v>
      </c>
      <c r="C43" s="26">
        <v>316</v>
      </c>
      <c r="D43" s="26">
        <v>0</v>
      </c>
      <c r="E43" s="26">
        <v>0</v>
      </c>
      <c r="F43" s="26">
        <v>0</v>
      </c>
      <c r="G43" s="26">
        <v>0</v>
      </c>
      <c r="H43" s="26">
        <v>0</v>
      </c>
      <c r="I43" s="26">
        <v>0</v>
      </c>
      <c r="J43" s="26">
        <v>0</v>
      </c>
      <c r="K43" s="26">
        <v>0</v>
      </c>
      <c r="L43" s="26">
        <v>0</v>
      </c>
      <c r="M43" s="26">
        <v>0</v>
      </c>
      <c r="N43" s="26">
        <v>651</v>
      </c>
      <c r="O43" s="26">
        <v>373</v>
      </c>
      <c r="P43" s="26">
        <v>1</v>
      </c>
      <c r="Q43" s="26">
        <v>0</v>
      </c>
      <c r="R43" s="26">
        <v>253</v>
      </c>
      <c r="S43" s="26">
        <v>0</v>
      </c>
      <c r="T43" s="26">
        <v>627</v>
      </c>
      <c r="U43" s="29">
        <v>0.32278481012658228</v>
      </c>
      <c r="V43" s="15">
        <v>20</v>
      </c>
      <c r="W43" s="26">
        <v>382</v>
      </c>
      <c r="X43" s="26">
        <v>16</v>
      </c>
      <c r="Y43" s="26">
        <v>0</v>
      </c>
      <c r="Z43" s="26">
        <v>253</v>
      </c>
      <c r="AA43" s="26">
        <v>0</v>
      </c>
      <c r="AB43" s="27"/>
      <c r="AC43" s="26">
        <v>224</v>
      </c>
      <c r="AD43" s="26">
        <v>267</v>
      </c>
      <c r="AE43" s="26">
        <v>347</v>
      </c>
      <c r="AF43" s="26">
        <v>335</v>
      </c>
      <c r="AG43" s="26">
        <v>316</v>
      </c>
      <c r="AH43" s="26">
        <v>357</v>
      </c>
      <c r="AI43" s="26">
        <v>290</v>
      </c>
      <c r="AJ43" s="26">
        <v>312</v>
      </c>
      <c r="AK43" s="26">
        <v>347</v>
      </c>
      <c r="AL43" s="26">
        <v>344</v>
      </c>
      <c r="AM43" s="26">
        <v>325</v>
      </c>
      <c r="AN43" s="26">
        <v>343</v>
      </c>
      <c r="AO43" s="26">
        <v>3807</v>
      </c>
      <c r="AP43" s="26">
        <v>287</v>
      </c>
      <c r="AQ43" s="26">
        <v>1</v>
      </c>
      <c r="AR43" s="26">
        <v>0</v>
      </c>
      <c r="AS43" s="26">
        <v>186</v>
      </c>
      <c r="AT43" s="26">
        <v>0</v>
      </c>
      <c r="AU43" s="26">
        <v>474</v>
      </c>
      <c r="AV43" s="29">
        <v>0.13397129186602871</v>
      </c>
      <c r="AW43" s="15">
        <v>58</v>
      </c>
      <c r="AX43" s="26">
        <v>297</v>
      </c>
      <c r="AY43" s="26">
        <v>8</v>
      </c>
      <c r="AZ43" s="26">
        <v>0</v>
      </c>
      <c r="BA43" s="26">
        <v>186</v>
      </c>
      <c r="BB43" s="26">
        <v>0</v>
      </c>
    </row>
    <row r="44" spans="1:54">
      <c r="A44" s="16" t="s">
        <v>117</v>
      </c>
      <c r="B44" s="25">
        <v>1184</v>
      </c>
      <c r="C44" s="25">
        <v>1351</v>
      </c>
      <c r="D44" s="25">
        <v>0</v>
      </c>
      <c r="E44" s="25">
        <v>0</v>
      </c>
      <c r="F44" s="25">
        <v>0</v>
      </c>
      <c r="G44" s="25">
        <v>0</v>
      </c>
      <c r="H44" s="25">
        <v>0</v>
      </c>
      <c r="I44" s="25">
        <v>0</v>
      </c>
      <c r="J44" s="25">
        <v>0</v>
      </c>
      <c r="K44" s="25">
        <v>0</v>
      </c>
      <c r="L44" s="25">
        <v>0</v>
      </c>
      <c r="M44" s="25">
        <v>0</v>
      </c>
      <c r="N44" s="25">
        <v>2535</v>
      </c>
      <c r="O44" s="25">
        <v>1687</v>
      </c>
      <c r="P44" s="25">
        <v>1</v>
      </c>
      <c r="Q44" s="25">
        <v>0</v>
      </c>
      <c r="R44" s="25">
        <v>838</v>
      </c>
      <c r="S44" s="25">
        <v>0</v>
      </c>
      <c r="T44" s="25">
        <v>2526</v>
      </c>
      <c r="U44" s="28">
        <v>0.1147396293027361</v>
      </c>
      <c r="V44" s="24">
        <v>68</v>
      </c>
      <c r="W44" s="25">
        <v>1693</v>
      </c>
      <c r="X44" s="25">
        <v>3</v>
      </c>
      <c r="Y44" s="25">
        <v>0</v>
      </c>
      <c r="Z44" s="25">
        <v>839</v>
      </c>
      <c r="AA44" s="25">
        <v>0</v>
      </c>
      <c r="AB44" s="27"/>
      <c r="AC44" s="25">
        <v>1138</v>
      </c>
      <c r="AD44" s="25">
        <v>1139</v>
      </c>
      <c r="AE44" s="25">
        <v>1615</v>
      </c>
      <c r="AF44" s="25">
        <v>1323</v>
      </c>
      <c r="AG44" s="25">
        <v>1211</v>
      </c>
      <c r="AH44" s="25">
        <v>1205</v>
      </c>
      <c r="AI44" s="25">
        <v>1119</v>
      </c>
      <c r="AJ44" s="25">
        <v>1314</v>
      </c>
      <c r="AK44" s="25">
        <v>1258</v>
      </c>
      <c r="AL44" s="25">
        <v>1241</v>
      </c>
      <c r="AM44" s="25">
        <v>1185</v>
      </c>
      <c r="AN44" s="25">
        <v>1311</v>
      </c>
      <c r="AO44" s="25">
        <v>15059</v>
      </c>
      <c r="AP44" s="25">
        <v>1485</v>
      </c>
      <c r="AQ44" s="25">
        <v>1</v>
      </c>
      <c r="AR44" s="25">
        <v>0</v>
      </c>
      <c r="AS44" s="25">
        <v>780</v>
      </c>
      <c r="AT44" s="25">
        <v>0</v>
      </c>
      <c r="AU44" s="25">
        <v>2266</v>
      </c>
      <c r="AV44" s="28">
        <v>0.23757509557618789</v>
      </c>
      <c r="AW44" s="24">
        <v>33</v>
      </c>
      <c r="AX44" s="25">
        <v>1493</v>
      </c>
      <c r="AY44" s="25">
        <v>4</v>
      </c>
      <c r="AZ44" s="25">
        <v>0</v>
      </c>
      <c r="BA44" s="25">
        <v>780</v>
      </c>
      <c r="BB44" s="25">
        <v>0</v>
      </c>
    </row>
    <row r="45" spans="1:54">
      <c r="A45" s="17" t="s">
        <v>118</v>
      </c>
      <c r="B45" s="26">
        <v>229</v>
      </c>
      <c r="C45" s="26">
        <v>288</v>
      </c>
      <c r="D45" s="26">
        <v>0</v>
      </c>
      <c r="E45" s="26">
        <v>0</v>
      </c>
      <c r="F45" s="26">
        <v>0</v>
      </c>
      <c r="G45" s="26">
        <v>0</v>
      </c>
      <c r="H45" s="26">
        <v>0</v>
      </c>
      <c r="I45" s="26">
        <v>0</v>
      </c>
      <c r="J45" s="26">
        <v>0</v>
      </c>
      <c r="K45" s="26">
        <v>0</v>
      </c>
      <c r="L45" s="26">
        <v>0</v>
      </c>
      <c r="M45" s="26">
        <v>0</v>
      </c>
      <c r="N45" s="26">
        <v>517</v>
      </c>
      <c r="O45" s="26">
        <v>343</v>
      </c>
      <c r="P45" s="26">
        <v>0</v>
      </c>
      <c r="Q45" s="26">
        <v>0</v>
      </c>
      <c r="R45" s="26">
        <v>168</v>
      </c>
      <c r="S45" s="26">
        <v>0</v>
      </c>
      <c r="T45" s="26">
        <v>511</v>
      </c>
      <c r="U45" s="29">
        <v>0.15090090090090091</v>
      </c>
      <c r="V45" s="15">
        <v>59</v>
      </c>
      <c r="W45" s="26">
        <v>347</v>
      </c>
      <c r="X45" s="26">
        <v>1</v>
      </c>
      <c r="Y45" s="26">
        <v>0</v>
      </c>
      <c r="Z45" s="26">
        <v>169</v>
      </c>
      <c r="AA45" s="26">
        <v>0</v>
      </c>
      <c r="AB45" s="27"/>
      <c r="AC45" s="26">
        <v>220</v>
      </c>
      <c r="AD45" s="26">
        <v>227</v>
      </c>
      <c r="AE45" s="26">
        <v>299</v>
      </c>
      <c r="AF45" s="26">
        <v>315</v>
      </c>
      <c r="AG45" s="26">
        <v>254</v>
      </c>
      <c r="AH45" s="26">
        <v>273</v>
      </c>
      <c r="AI45" s="26">
        <v>237</v>
      </c>
      <c r="AJ45" s="26">
        <v>279</v>
      </c>
      <c r="AK45" s="26">
        <v>261</v>
      </c>
      <c r="AL45" s="26">
        <v>256</v>
      </c>
      <c r="AM45" s="26">
        <v>277</v>
      </c>
      <c r="AN45" s="26">
        <v>269</v>
      </c>
      <c r="AO45" s="26">
        <v>3167</v>
      </c>
      <c r="AP45" s="26">
        <v>273</v>
      </c>
      <c r="AQ45" s="26">
        <v>0</v>
      </c>
      <c r="AR45" s="26">
        <v>0</v>
      </c>
      <c r="AS45" s="26">
        <v>171</v>
      </c>
      <c r="AT45" s="26">
        <v>0</v>
      </c>
      <c r="AU45" s="26">
        <v>444</v>
      </c>
      <c r="AV45" s="29">
        <v>0.17460317460317459</v>
      </c>
      <c r="AW45" s="15">
        <v>46</v>
      </c>
      <c r="AX45" s="26">
        <v>275</v>
      </c>
      <c r="AY45" s="26">
        <v>1</v>
      </c>
      <c r="AZ45" s="26">
        <v>0</v>
      </c>
      <c r="BA45" s="26">
        <v>171</v>
      </c>
      <c r="BB45" s="26">
        <v>0</v>
      </c>
    </row>
    <row r="46" spans="1:54">
      <c r="A46" s="16" t="s">
        <v>119</v>
      </c>
      <c r="B46" s="25">
        <v>609</v>
      </c>
      <c r="C46" s="25">
        <v>655</v>
      </c>
      <c r="D46" s="25">
        <v>0</v>
      </c>
      <c r="E46" s="25">
        <v>0</v>
      </c>
      <c r="F46" s="25">
        <v>0</v>
      </c>
      <c r="G46" s="25">
        <v>0</v>
      </c>
      <c r="H46" s="25">
        <v>0</v>
      </c>
      <c r="I46" s="25">
        <v>0</v>
      </c>
      <c r="J46" s="25">
        <v>0</v>
      </c>
      <c r="K46" s="25">
        <v>0</v>
      </c>
      <c r="L46" s="25">
        <v>0</v>
      </c>
      <c r="M46" s="25">
        <v>0</v>
      </c>
      <c r="N46" s="25">
        <v>1264</v>
      </c>
      <c r="O46" s="25">
        <v>863</v>
      </c>
      <c r="P46" s="25">
        <v>0</v>
      </c>
      <c r="Q46" s="25">
        <v>0</v>
      </c>
      <c r="R46" s="25">
        <v>395</v>
      </c>
      <c r="S46" s="25">
        <v>0</v>
      </c>
      <c r="T46" s="25">
        <v>1258</v>
      </c>
      <c r="U46" s="28">
        <v>0.47479484173505276</v>
      </c>
      <c r="V46" s="24">
        <v>2</v>
      </c>
      <c r="W46" s="25">
        <v>865</v>
      </c>
      <c r="X46" s="25">
        <v>4</v>
      </c>
      <c r="Y46" s="25">
        <v>0</v>
      </c>
      <c r="Z46" s="25">
        <v>395</v>
      </c>
      <c r="AA46" s="25">
        <v>0</v>
      </c>
      <c r="AB46" s="27"/>
      <c r="AC46" s="25">
        <v>393</v>
      </c>
      <c r="AD46" s="25">
        <v>467</v>
      </c>
      <c r="AE46" s="25">
        <v>647</v>
      </c>
      <c r="AF46" s="25">
        <v>575</v>
      </c>
      <c r="AG46" s="25">
        <v>576</v>
      </c>
      <c r="AH46" s="25">
        <v>516</v>
      </c>
      <c r="AI46" s="25">
        <v>527</v>
      </c>
      <c r="AJ46" s="25">
        <v>653</v>
      </c>
      <c r="AK46" s="25">
        <v>585</v>
      </c>
      <c r="AL46" s="25">
        <v>603</v>
      </c>
      <c r="AM46" s="25">
        <v>645</v>
      </c>
      <c r="AN46" s="25">
        <v>611</v>
      </c>
      <c r="AO46" s="25">
        <v>6798</v>
      </c>
      <c r="AP46" s="25">
        <v>603</v>
      </c>
      <c r="AQ46" s="25">
        <v>1</v>
      </c>
      <c r="AR46" s="25">
        <v>0</v>
      </c>
      <c r="AS46" s="25">
        <v>249</v>
      </c>
      <c r="AT46" s="25">
        <v>0</v>
      </c>
      <c r="AU46" s="25">
        <v>853</v>
      </c>
      <c r="AV46" s="28">
        <v>0.19803370786516855</v>
      </c>
      <c r="AW46" s="24">
        <v>41</v>
      </c>
      <c r="AX46" s="25">
        <v>609</v>
      </c>
      <c r="AY46" s="25">
        <v>2</v>
      </c>
      <c r="AZ46" s="25">
        <v>0</v>
      </c>
      <c r="BA46" s="25">
        <v>249</v>
      </c>
      <c r="BB46" s="25">
        <v>0</v>
      </c>
    </row>
    <row r="47" spans="1:54">
      <c r="A47" s="17" t="s">
        <v>122</v>
      </c>
      <c r="B47" s="26">
        <v>281</v>
      </c>
      <c r="C47" s="26">
        <v>294</v>
      </c>
      <c r="D47" s="26">
        <v>0</v>
      </c>
      <c r="E47" s="26">
        <v>0</v>
      </c>
      <c r="F47" s="26">
        <v>0</v>
      </c>
      <c r="G47" s="26">
        <v>0</v>
      </c>
      <c r="H47" s="26">
        <v>0</v>
      </c>
      <c r="I47" s="26">
        <v>0</v>
      </c>
      <c r="J47" s="26">
        <v>0</v>
      </c>
      <c r="K47" s="26">
        <v>0</v>
      </c>
      <c r="L47" s="26">
        <v>0</v>
      </c>
      <c r="M47" s="26">
        <v>0</v>
      </c>
      <c r="N47" s="26">
        <v>575</v>
      </c>
      <c r="O47" s="26">
        <v>158</v>
      </c>
      <c r="P47" s="26">
        <v>0</v>
      </c>
      <c r="Q47" s="26">
        <v>0</v>
      </c>
      <c r="R47" s="26">
        <v>417</v>
      </c>
      <c r="S47" s="26">
        <v>0</v>
      </c>
      <c r="T47" s="26">
        <v>575</v>
      </c>
      <c r="U47" s="29">
        <v>-1.3722126929674099E-2</v>
      </c>
      <c r="V47" s="15">
        <v>85</v>
      </c>
      <c r="W47" s="26">
        <v>158</v>
      </c>
      <c r="X47" s="26">
        <v>0</v>
      </c>
      <c r="Y47" s="26">
        <v>0</v>
      </c>
      <c r="Z47" s="26">
        <v>417</v>
      </c>
      <c r="AA47" s="26">
        <v>0</v>
      </c>
      <c r="AB47" s="27"/>
      <c r="AC47" s="26">
        <v>276</v>
      </c>
      <c r="AD47" s="26">
        <v>320</v>
      </c>
      <c r="AE47" s="26">
        <v>394</v>
      </c>
      <c r="AF47" s="26">
        <v>315</v>
      </c>
      <c r="AG47" s="26">
        <v>327</v>
      </c>
      <c r="AH47" s="26">
        <v>313</v>
      </c>
      <c r="AI47" s="26">
        <v>347</v>
      </c>
      <c r="AJ47" s="26">
        <v>391</v>
      </c>
      <c r="AK47" s="26">
        <v>338</v>
      </c>
      <c r="AL47" s="26">
        <v>330</v>
      </c>
      <c r="AM47" s="26">
        <v>298</v>
      </c>
      <c r="AN47" s="26">
        <v>296</v>
      </c>
      <c r="AO47" s="26">
        <v>3945</v>
      </c>
      <c r="AP47" s="26">
        <v>167</v>
      </c>
      <c r="AQ47" s="26">
        <v>1</v>
      </c>
      <c r="AR47" s="26">
        <v>0</v>
      </c>
      <c r="AS47" s="26">
        <v>415</v>
      </c>
      <c r="AT47" s="26">
        <v>0</v>
      </c>
      <c r="AU47" s="26">
        <v>583</v>
      </c>
      <c r="AV47" s="29">
        <v>0.50645994832041341</v>
      </c>
      <c r="AW47" s="15">
        <v>4</v>
      </c>
      <c r="AX47" s="26">
        <v>169</v>
      </c>
      <c r="AY47" s="26">
        <v>12</v>
      </c>
      <c r="AZ47" s="26">
        <v>0</v>
      </c>
      <c r="BA47" s="26">
        <v>415</v>
      </c>
      <c r="BB47" s="26">
        <v>0</v>
      </c>
    </row>
    <row r="48" spans="1:54">
      <c r="A48" s="16" t="s">
        <v>123</v>
      </c>
      <c r="B48" s="25">
        <v>358</v>
      </c>
      <c r="C48" s="25">
        <v>366</v>
      </c>
      <c r="D48" s="25">
        <v>0</v>
      </c>
      <c r="E48" s="25">
        <v>0</v>
      </c>
      <c r="F48" s="25">
        <v>0</v>
      </c>
      <c r="G48" s="25">
        <v>0</v>
      </c>
      <c r="H48" s="25">
        <v>0</v>
      </c>
      <c r="I48" s="25">
        <v>0</v>
      </c>
      <c r="J48" s="25">
        <v>0</v>
      </c>
      <c r="K48" s="25">
        <v>0</v>
      </c>
      <c r="L48" s="25">
        <v>0</v>
      </c>
      <c r="M48" s="25">
        <v>0</v>
      </c>
      <c r="N48" s="25">
        <v>724</v>
      </c>
      <c r="O48" s="25">
        <v>340</v>
      </c>
      <c r="P48" s="25">
        <v>0</v>
      </c>
      <c r="Q48" s="25">
        <v>0</v>
      </c>
      <c r="R48" s="25">
        <v>374</v>
      </c>
      <c r="S48" s="25">
        <v>0</v>
      </c>
      <c r="T48" s="25">
        <v>714</v>
      </c>
      <c r="U48" s="28">
        <v>1.4204545454545454E-2</v>
      </c>
      <c r="V48" s="24">
        <v>81</v>
      </c>
      <c r="W48" s="25">
        <v>343</v>
      </c>
      <c r="X48" s="25">
        <v>7</v>
      </c>
      <c r="Y48" s="25">
        <v>0</v>
      </c>
      <c r="Z48" s="25">
        <v>374</v>
      </c>
      <c r="AA48" s="25">
        <v>0</v>
      </c>
      <c r="AB48" s="27"/>
      <c r="AC48" s="25">
        <v>322</v>
      </c>
      <c r="AD48" s="25">
        <v>385</v>
      </c>
      <c r="AE48" s="25">
        <v>527</v>
      </c>
      <c r="AF48" s="25">
        <v>422</v>
      </c>
      <c r="AG48" s="25">
        <v>364</v>
      </c>
      <c r="AH48" s="25">
        <v>388</v>
      </c>
      <c r="AI48" s="25">
        <v>381</v>
      </c>
      <c r="AJ48" s="25">
        <v>409</v>
      </c>
      <c r="AK48" s="25">
        <v>392</v>
      </c>
      <c r="AL48" s="25">
        <v>417</v>
      </c>
      <c r="AM48" s="25">
        <v>367</v>
      </c>
      <c r="AN48" s="25">
        <v>339</v>
      </c>
      <c r="AO48" s="25">
        <v>4713</v>
      </c>
      <c r="AP48" s="25">
        <v>342</v>
      </c>
      <c r="AQ48" s="25">
        <v>0</v>
      </c>
      <c r="AR48" s="25">
        <v>0</v>
      </c>
      <c r="AS48" s="25">
        <v>362</v>
      </c>
      <c r="AT48" s="25">
        <v>0</v>
      </c>
      <c r="AU48" s="25">
        <v>704</v>
      </c>
      <c r="AV48" s="28">
        <v>0.32082551594746717</v>
      </c>
      <c r="AW48" s="24">
        <v>20</v>
      </c>
      <c r="AX48" s="25">
        <v>344</v>
      </c>
      <c r="AY48" s="25">
        <v>1</v>
      </c>
      <c r="AZ48" s="25">
        <v>0</v>
      </c>
      <c r="BA48" s="25">
        <v>362</v>
      </c>
      <c r="BB48" s="25">
        <v>0</v>
      </c>
    </row>
    <row r="49" spans="1:54">
      <c r="A49" s="17" t="s">
        <v>120</v>
      </c>
      <c r="B49" s="26">
        <v>373</v>
      </c>
      <c r="C49" s="26">
        <v>426</v>
      </c>
      <c r="D49" s="26">
        <v>0</v>
      </c>
      <c r="E49" s="26">
        <v>0</v>
      </c>
      <c r="F49" s="26">
        <v>0</v>
      </c>
      <c r="G49" s="26">
        <v>0</v>
      </c>
      <c r="H49" s="26">
        <v>0</v>
      </c>
      <c r="I49" s="26">
        <v>0</v>
      </c>
      <c r="J49" s="26">
        <v>0</v>
      </c>
      <c r="K49" s="26">
        <v>0</v>
      </c>
      <c r="L49" s="26">
        <v>0</v>
      </c>
      <c r="M49" s="26">
        <v>0</v>
      </c>
      <c r="N49" s="26">
        <v>799</v>
      </c>
      <c r="O49" s="26">
        <v>424</v>
      </c>
      <c r="P49" s="26">
        <v>0</v>
      </c>
      <c r="Q49" s="26">
        <v>0</v>
      </c>
      <c r="R49" s="26">
        <v>354</v>
      </c>
      <c r="S49" s="26">
        <v>0</v>
      </c>
      <c r="T49" s="26">
        <v>778</v>
      </c>
      <c r="U49" s="29">
        <v>7.7720207253886009E-3</v>
      </c>
      <c r="V49" s="15">
        <v>82</v>
      </c>
      <c r="W49" s="26">
        <v>442</v>
      </c>
      <c r="X49" s="26">
        <v>3</v>
      </c>
      <c r="Y49" s="26">
        <v>0</v>
      </c>
      <c r="Z49" s="26">
        <v>354</v>
      </c>
      <c r="AA49" s="26">
        <v>0</v>
      </c>
      <c r="AB49" s="27"/>
      <c r="AC49" s="26">
        <v>383</v>
      </c>
      <c r="AD49" s="26">
        <v>390</v>
      </c>
      <c r="AE49" s="26">
        <v>548</v>
      </c>
      <c r="AF49" s="26">
        <v>463</v>
      </c>
      <c r="AG49" s="26">
        <v>429</v>
      </c>
      <c r="AH49" s="26">
        <v>490</v>
      </c>
      <c r="AI49" s="26">
        <v>423</v>
      </c>
      <c r="AJ49" s="26">
        <v>476</v>
      </c>
      <c r="AK49" s="26">
        <v>518</v>
      </c>
      <c r="AL49" s="26">
        <v>470</v>
      </c>
      <c r="AM49" s="26">
        <v>436</v>
      </c>
      <c r="AN49" s="26">
        <v>394</v>
      </c>
      <c r="AO49" s="26">
        <v>5420</v>
      </c>
      <c r="AP49" s="26">
        <v>402</v>
      </c>
      <c r="AQ49" s="26">
        <v>1</v>
      </c>
      <c r="AR49" s="26">
        <v>0</v>
      </c>
      <c r="AS49" s="26">
        <v>369</v>
      </c>
      <c r="AT49" s="26">
        <v>0</v>
      </c>
      <c r="AU49" s="26">
        <v>772</v>
      </c>
      <c r="AV49" s="29">
        <v>0.33103448275862069</v>
      </c>
      <c r="AW49" s="15">
        <v>18</v>
      </c>
      <c r="AX49" s="26">
        <v>403</v>
      </c>
      <c r="AY49" s="26">
        <v>1</v>
      </c>
      <c r="AZ49" s="26">
        <v>0</v>
      </c>
      <c r="BA49" s="26">
        <v>369</v>
      </c>
      <c r="BB49" s="26">
        <v>0</v>
      </c>
    </row>
    <row r="50" spans="1:54">
      <c r="A50" s="16" t="s">
        <v>121</v>
      </c>
      <c r="B50" s="25">
        <v>268</v>
      </c>
      <c r="C50" s="25">
        <v>300</v>
      </c>
      <c r="D50" s="25">
        <v>0</v>
      </c>
      <c r="E50" s="25">
        <v>0</v>
      </c>
      <c r="F50" s="25">
        <v>0</v>
      </c>
      <c r="G50" s="25">
        <v>0</v>
      </c>
      <c r="H50" s="25">
        <v>0</v>
      </c>
      <c r="I50" s="25">
        <v>0</v>
      </c>
      <c r="J50" s="25">
        <v>0</v>
      </c>
      <c r="K50" s="25">
        <v>0</v>
      </c>
      <c r="L50" s="25">
        <v>0</v>
      </c>
      <c r="M50" s="25">
        <v>0</v>
      </c>
      <c r="N50" s="25">
        <v>568</v>
      </c>
      <c r="O50" s="25">
        <v>254</v>
      </c>
      <c r="P50" s="25">
        <v>0</v>
      </c>
      <c r="Q50" s="25">
        <v>0</v>
      </c>
      <c r="R50" s="25">
        <v>305</v>
      </c>
      <c r="S50" s="25">
        <v>0</v>
      </c>
      <c r="T50" s="25">
        <v>559</v>
      </c>
      <c r="U50" s="28">
        <v>0.1157684630738523</v>
      </c>
      <c r="V50" s="24">
        <v>67</v>
      </c>
      <c r="W50" s="25">
        <v>255</v>
      </c>
      <c r="X50" s="25">
        <v>8</v>
      </c>
      <c r="Y50" s="25">
        <v>0</v>
      </c>
      <c r="Z50" s="25">
        <v>305</v>
      </c>
      <c r="AA50" s="25">
        <v>0</v>
      </c>
      <c r="AB50" s="27"/>
      <c r="AC50" s="25">
        <v>245</v>
      </c>
      <c r="AD50" s="25">
        <v>265</v>
      </c>
      <c r="AE50" s="25">
        <v>408</v>
      </c>
      <c r="AF50" s="25">
        <v>379</v>
      </c>
      <c r="AG50" s="25">
        <v>336</v>
      </c>
      <c r="AH50" s="25">
        <v>345</v>
      </c>
      <c r="AI50" s="25">
        <v>324</v>
      </c>
      <c r="AJ50" s="25">
        <v>378</v>
      </c>
      <c r="AK50" s="25">
        <v>338</v>
      </c>
      <c r="AL50" s="25">
        <v>322</v>
      </c>
      <c r="AM50" s="25">
        <v>299</v>
      </c>
      <c r="AN50" s="25">
        <v>298</v>
      </c>
      <c r="AO50" s="25">
        <v>3937</v>
      </c>
      <c r="AP50" s="25">
        <v>209</v>
      </c>
      <c r="AQ50" s="25">
        <v>0</v>
      </c>
      <c r="AR50" s="25">
        <v>0</v>
      </c>
      <c r="AS50" s="25">
        <v>292</v>
      </c>
      <c r="AT50" s="25">
        <v>0</v>
      </c>
      <c r="AU50" s="25">
        <v>501</v>
      </c>
      <c r="AV50" s="28">
        <v>5.2521008403361345E-2</v>
      </c>
      <c r="AW50" s="24">
        <v>75</v>
      </c>
      <c r="AX50" s="25">
        <v>209</v>
      </c>
      <c r="AY50" s="25">
        <v>9</v>
      </c>
      <c r="AZ50" s="25">
        <v>0</v>
      </c>
      <c r="BA50" s="25">
        <v>292</v>
      </c>
      <c r="BB50" s="25">
        <v>0</v>
      </c>
    </row>
    <row r="51" spans="1:54">
      <c r="A51" s="17" t="s">
        <v>124</v>
      </c>
      <c r="B51" s="26">
        <v>41</v>
      </c>
      <c r="C51" s="26">
        <v>48</v>
      </c>
      <c r="D51" s="26">
        <v>0</v>
      </c>
      <c r="E51" s="26">
        <v>0</v>
      </c>
      <c r="F51" s="26">
        <v>0</v>
      </c>
      <c r="G51" s="26">
        <v>0</v>
      </c>
      <c r="H51" s="26">
        <v>0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6">
        <v>89</v>
      </c>
      <c r="O51" s="26">
        <v>73</v>
      </c>
      <c r="P51" s="26">
        <v>0</v>
      </c>
      <c r="Q51" s="26">
        <v>0</v>
      </c>
      <c r="R51" s="26">
        <v>15</v>
      </c>
      <c r="S51" s="26">
        <v>0</v>
      </c>
      <c r="T51" s="26">
        <v>88</v>
      </c>
      <c r="U51" s="29">
        <v>0.25714285714285712</v>
      </c>
      <c r="V51" s="15">
        <v>33</v>
      </c>
      <c r="W51" s="26">
        <v>74</v>
      </c>
      <c r="X51" s="26">
        <v>0</v>
      </c>
      <c r="Y51" s="26">
        <v>0</v>
      </c>
      <c r="Z51" s="26">
        <v>15</v>
      </c>
      <c r="AA51" s="26">
        <v>0</v>
      </c>
      <c r="AB51" s="27"/>
      <c r="AC51" s="26">
        <v>25</v>
      </c>
      <c r="AD51" s="26">
        <v>46</v>
      </c>
      <c r="AE51" s="26">
        <v>59</v>
      </c>
      <c r="AF51" s="26">
        <v>65</v>
      </c>
      <c r="AG51" s="26">
        <v>69</v>
      </c>
      <c r="AH51" s="26">
        <v>57</v>
      </c>
      <c r="AI51" s="26">
        <v>44</v>
      </c>
      <c r="AJ51" s="26">
        <v>56</v>
      </c>
      <c r="AK51" s="26">
        <v>57</v>
      </c>
      <c r="AL51" s="26">
        <v>55</v>
      </c>
      <c r="AM51" s="26">
        <v>55</v>
      </c>
      <c r="AN51" s="26">
        <v>61</v>
      </c>
      <c r="AO51" s="26">
        <v>649</v>
      </c>
      <c r="AP51" s="26">
        <v>57</v>
      </c>
      <c r="AQ51" s="26">
        <v>0</v>
      </c>
      <c r="AR51" s="26">
        <v>1</v>
      </c>
      <c r="AS51" s="26">
        <v>12</v>
      </c>
      <c r="AT51" s="26">
        <v>0</v>
      </c>
      <c r="AU51" s="26">
        <v>70</v>
      </c>
      <c r="AV51" s="29">
        <v>0.16666666666666666</v>
      </c>
      <c r="AW51" s="15">
        <v>47</v>
      </c>
      <c r="AX51" s="26">
        <v>57</v>
      </c>
      <c r="AY51" s="26">
        <v>1</v>
      </c>
      <c r="AZ51" s="26">
        <v>1</v>
      </c>
      <c r="BA51" s="26">
        <v>12</v>
      </c>
      <c r="BB51" s="26">
        <v>0</v>
      </c>
    </row>
    <row r="52" spans="1:54">
      <c r="A52" s="16" t="s">
        <v>129</v>
      </c>
      <c r="B52" s="25">
        <v>128</v>
      </c>
      <c r="C52" s="25">
        <v>170</v>
      </c>
      <c r="D52" s="25">
        <v>0</v>
      </c>
      <c r="E52" s="25">
        <v>0</v>
      </c>
      <c r="F52" s="25">
        <v>0</v>
      </c>
      <c r="G52" s="25">
        <v>0</v>
      </c>
      <c r="H52" s="25">
        <v>0</v>
      </c>
      <c r="I52" s="25">
        <v>0</v>
      </c>
      <c r="J52" s="25">
        <v>0</v>
      </c>
      <c r="K52" s="25">
        <v>0</v>
      </c>
      <c r="L52" s="25">
        <v>0</v>
      </c>
      <c r="M52" s="25">
        <v>0</v>
      </c>
      <c r="N52" s="25">
        <v>298</v>
      </c>
      <c r="O52" s="25">
        <v>197</v>
      </c>
      <c r="P52" s="25">
        <v>3</v>
      </c>
      <c r="Q52" s="25">
        <v>1</v>
      </c>
      <c r="R52" s="25">
        <v>94</v>
      </c>
      <c r="S52" s="25">
        <v>0</v>
      </c>
      <c r="T52" s="25">
        <v>295</v>
      </c>
      <c r="U52" s="28">
        <v>-5.4487179487179488E-2</v>
      </c>
      <c r="V52" s="24">
        <v>88</v>
      </c>
      <c r="W52" s="25">
        <v>198</v>
      </c>
      <c r="X52" s="25">
        <v>5</v>
      </c>
      <c r="Y52" s="25">
        <v>1</v>
      </c>
      <c r="Z52" s="25">
        <v>94</v>
      </c>
      <c r="AA52" s="25">
        <v>0</v>
      </c>
      <c r="AB52" s="27"/>
      <c r="AC52" s="25">
        <v>132</v>
      </c>
      <c r="AD52" s="25">
        <v>182</v>
      </c>
      <c r="AE52" s="25">
        <v>214</v>
      </c>
      <c r="AF52" s="25">
        <v>206</v>
      </c>
      <c r="AG52" s="25">
        <v>184</v>
      </c>
      <c r="AH52" s="25">
        <v>179</v>
      </c>
      <c r="AI52" s="25">
        <v>184</v>
      </c>
      <c r="AJ52" s="25">
        <v>214</v>
      </c>
      <c r="AK52" s="25">
        <v>221</v>
      </c>
      <c r="AL52" s="25">
        <v>182</v>
      </c>
      <c r="AM52" s="25">
        <v>211</v>
      </c>
      <c r="AN52" s="25">
        <v>187</v>
      </c>
      <c r="AO52" s="25">
        <v>2296</v>
      </c>
      <c r="AP52" s="25">
        <v>203</v>
      </c>
      <c r="AQ52" s="25">
        <v>0</v>
      </c>
      <c r="AR52" s="25">
        <v>0</v>
      </c>
      <c r="AS52" s="25">
        <v>109</v>
      </c>
      <c r="AT52" s="25">
        <v>0</v>
      </c>
      <c r="AU52" s="25">
        <v>312</v>
      </c>
      <c r="AV52" s="28">
        <v>5.7627118644067797E-2</v>
      </c>
      <c r="AW52" s="24">
        <v>74</v>
      </c>
      <c r="AX52" s="25">
        <v>203</v>
      </c>
      <c r="AY52" s="25">
        <v>1</v>
      </c>
      <c r="AZ52" s="25">
        <v>0</v>
      </c>
      <c r="BA52" s="25">
        <v>110</v>
      </c>
      <c r="BB52" s="25">
        <v>0</v>
      </c>
    </row>
    <row r="53" spans="1:54">
      <c r="A53" s="17" t="s">
        <v>133</v>
      </c>
      <c r="B53" s="26">
        <v>538</v>
      </c>
      <c r="C53" s="26">
        <v>561</v>
      </c>
      <c r="D53" s="26">
        <v>0</v>
      </c>
      <c r="E53" s="26">
        <v>0</v>
      </c>
      <c r="F53" s="26">
        <v>0</v>
      </c>
      <c r="G53" s="26">
        <v>0</v>
      </c>
      <c r="H53" s="26">
        <v>0</v>
      </c>
      <c r="I53" s="26">
        <v>0</v>
      </c>
      <c r="J53" s="26">
        <v>0</v>
      </c>
      <c r="K53" s="26">
        <v>0</v>
      </c>
      <c r="L53" s="26">
        <v>0</v>
      </c>
      <c r="M53" s="26">
        <v>0</v>
      </c>
      <c r="N53" s="26">
        <v>1099</v>
      </c>
      <c r="O53" s="26">
        <v>844</v>
      </c>
      <c r="P53" s="26">
        <v>0</v>
      </c>
      <c r="Q53" s="26">
        <v>0</v>
      </c>
      <c r="R53" s="26">
        <v>223</v>
      </c>
      <c r="S53" s="26">
        <v>0</v>
      </c>
      <c r="T53" s="26">
        <v>1067</v>
      </c>
      <c r="U53" s="29">
        <v>0.26872770511296074</v>
      </c>
      <c r="V53" s="15">
        <v>30</v>
      </c>
      <c r="W53" s="26">
        <v>857</v>
      </c>
      <c r="X53" s="26">
        <v>18</v>
      </c>
      <c r="Y53" s="26">
        <v>0</v>
      </c>
      <c r="Z53" s="26">
        <v>224</v>
      </c>
      <c r="AA53" s="26">
        <v>0</v>
      </c>
      <c r="AB53" s="27"/>
      <c r="AC53" s="26">
        <v>376</v>
      </c>
      <c r="AD53" s="26">
        <v>481</v>
      </c>
      <c r="AE53" s="26">
        <v>569</v>
      </c>
      <c r="AF53" s="26">
        <v>568</v>
      </c>
      <c r="AG53" s="26">
        <v>548</v>
      </c>
      <c r="AH53" s="26">
        <v>518</v>
      </c>
      <c r="AI53" s="26">
        <v>586</v>
      </c>
      <c r="AJ53" s="26">
        <v>704</v>
      </c>
      <c r="AK53" s="26">
        <v>630</v>
      </c>
      <c r="AL53" s="26">
        <v>633</v>
      </c>
      <c r="AM53" s="26">
        <v>553</v>
      </c>
      <c r="AN53" s="26">
        <v>595</v>
      </c>
      <c r="AO53" s="26">
        <v>6761</v>
      </c>
      <c r="AP53" s="26">
        <v>652</v>
      </c>
      <c r="AQ53" s="26">
        <v>4</v>
      </c>
      <c r="AR53" s="26">
        <v>0</v>
      </c>
      <c r="AS53" s="26">
        <v>185</v>
      </c>
      <c r="AT53" s="26">
        <v>0</v>
      </c>
      <c r="AU53" s="26">
        <v>841</v>
      </c>
      <c r="AV53" s="29">
        <v>0.10949868073878628</v>
      </c>
      <c r="AW53" s="15">
        <v>64</v>
      </c>
      <c r="AX53" s="26">
        <v>659</v>
      </c>
      <c r="AY53" s="26">
        <v>13</v>
      </c>
      <c r="AZ53" s="26">
        <v>0</v>
      </c>
      <c r="BA53" s="26">
        <v>185</v>
      </c>
      <c r="BB53" s="26">
        <v>0</v>
      </c>
    </row>
    <row r="54" spans="1:54">
      <c r="A54" s="16" t="s">
        <v>130</v>
      </c>
      <c r="B54" s="25">
        <v>62</v>
      </c>
      <c r="C54" s="25">
        <v>61</v>
      </c>
      <c r="D54" s="25">
        <v>0</v>
      </c>
      <c r="E54" s="25">
        <v>0</v>
      </c>
      <c r="F54" s="25">
        <v>0</v>
      </c>
      <c r="G54" s="25">
        <v>0</v>
      </c>
      <c r="H54" s="25">
        <v>0</v>
      </c>
      <c r="I54" s="25">
        <v>0</v>
      </c>
      <c r="J54" s="25">
        <v>0</v>
      </c>
      <c r="K54" s="25">
        <v>0</v>
      </c>
      <c r="L54" s="25">
        <v>0</v>
      </c>
      <c r="M54" s="25">
        <v>0</v>
      </c>
      <c r="N54" s="25">
        <v>123</v>
      </c>
      <c r="O54" s="25">
        <v>75</v>
      </c>
      <c r="P54" s="25">
        <v>0</v>
      </c>
      <c r="Q54" s="25">
        <v>0</v>
      </c>
      <c r="R54" s="25">
        <v>41</v>
      </c>
      <c r="S54" s="25">
        <v>0</v>
      </c>
      <c r="T54" s="25">
        <v>116</v>
      </c>
      <c r="U54" s="28">
        <v>0.36470588235294116</v>
      </c>
      <c r="V54" s="24">
        <v>13</v>
      </c>
      <c r="W54" s="25">
        <v>78</v>
      </c>
      <c r="X54" s="25">
        <v>3</v>
      </c>
      <c r="Y54" s="25">
        <v>0</v>
      </c>
      <c r="Z54" s="25">
        <v>41</v>
      </c>
      <c r="AA54" s="25">
        <v>1</v>
      </c>
      <c r="AB54" s="27"/>
      <c r="AC54" s="25">
        <v>43</v>
      </c>
      <c r="AD54" s="25">
        <v>47</v>
      </c>
      <c r="AE54" s="25">
        <v>78</v>
      </c>
      <c r="AF54" s="25">
        <v>64</v>
      </c>
      <c r="AG54" s="25">
        <v>62</v>
      </c>
      <c r="AH54" s="25">
        <v>57</v>
      </c>
      <c r="AI54" s="25">
        <v>60</v>
      </c>
      <c r="AJ54" s="25">
        <v>56</v>
      </c>
      <c r="AK54" s="25">
        <v>79</v>
      </c>
      <c r="AL54" s="25">
        <v>59</v>
      </c>
      <c r="AM54" s="25">
        <v>56</v>
      </c>
      <c r="AN54" s="25">
        <v>58</v>
      </c>
      <c r="AO54" s="25">
        <v>719</v>
      </c>
      <c r="AP54" s="25">
        <v>49</v>
      </c>
      <c r="AQ54" s="25">
        <v>0</v>
      </c>
      <c r="AR54" s="25">
        <v>0</v>
      </c>
      <c r="AS54" s="25">
        <v>36</v>
      </c>
      <c r="AT54" s="25">
        <v>0</v>
      </c>
      <c r="AU54" s="25">
        <v>85</v>
      </c>
      <c r="AV54" s="28">
        <v>1.1904761904761904E-2</v>
      </c>
      <c r="AW54" s="24">
        <v>82</v>
      </c>
      <c r="AX54" s="25">
        <v>51</v>
      </c>
      <c r="AY54" s="25">
        <v>3</v>
      </c>
      <c r="AZ54" s="25">
        <v>0</v>
      </c>
      <c r="BA54" s="25">
        <v>36</v>
      </c>
      <c r="BB54" s="25">
        <v>0</v>
      </c>
    </row>
    <row r="55" spans="1:54">
      <c r="A55" s="17" t="s">
        <v>131</v>
      </c>
      <c r="B55" s="26">
        <v>885</v>
      </c>
      <c r="C55" s="26">
        <v>1046</v>
      </c>
      <c r="D55" s="26">
        <v>0</v>
      </c>
      <c r="E55" s="26">
        <v>0</v>
      </c>
      <c r="F55" s="26">
        <v>0</v>
      </c>
      <c r="G55" s="26">
        <v>0</v>
      </c>
      <c r="H55" s="26">
        <v>0</v>
      </c>
      <c r="I55" s="26">
        <v>0</v>
      </c>
      <c r="J55" s="26">
        <v>0</v>
      </c>
      <c r="K55" s="26">
        <v>0</v>
      </c>
      <c r="L55" s="26">
        <v>0</v>
      </c>
      <c r="M55" s="26">
        <v>0</v>
      </c>
      <c r="N55" s="26">
        <v>1931</v>
      </c>
      <c r="O55" s="26">
        <v>1050</v>
      </c>
      <c r="P55" s="26">
        <v>5</v>
      </c>
      <c r="Q55" s="26">
        <v>1</v>
      </c>
      <c r="R55" s="26">
        <v>787</v>
      </c>
      <c r="S55" s="26">
        <v>0</v>
      </c>
      <c r="T55" s="26">
        <v>1843</v>
      </c>
      <c r="U55" s="29">
        <v>0.19597663854639844</v>
      </c>
      <c r="V55" s="15">
        <v>47</v>
      </c>
      <c r="W55" s="26">
        <v>1067</v>
      </c>
      <c r="X55" s="26">
        <v>74</v>
      </c>
      <c r="Y55" s="26">
        <v>1</v>
      </c>
      <c r="Z55" s="26">
        <v>789</v>
      </c>
      <c r="AA55" s="26">
        <v>0</v>
      </c>
      <c r="AB55" s="27"/>
      <c r="AC55" s="26">
        <v>781</v>
      </c>
      <c r="AD55" s="26">
        <v>794</v>
      </c>
      <c r="AE55" s="26">
        <v>1086</v>
      </c>
      <c r="AF55" s="26">
        <v>1029</v>
      </c>
      <c r="AG55" s="26">
        <v>997</v>
      </c>
      <c r="AH55" s="26">
        <v>948</v>
      </c>
      <c r="AI55" s="26">
        <v>843</v>
      </c>
      <c r="AJ55" s="26">
        <v>1126</v>
      </c>
      <c r="AK55" s="26">
        <v>966</v>
      </c>
      <c r="AL55" s="26">
        <v>1052</v>
      </c>
      <c r="AM55" s="26">
        <v>1491</v>
      </c>
      <c r="AN55" s="26">
        <v>895</v>
      </c>
      <c r="AO55" s="26">
        <v>12008</v>
      </c>
      <c r="AP55" s="26">
        <v>775</v>
      </c>
      <c r="AQ55" s="26">
        <v>3</v>
      </c>
      <c r="AR55" s="26">
        <v>0</v>
      </c>
      <c r="AS55" s="26">
        <v>763</v>
      </c>
      <c r="AT55" s="26">
        <v>0</v>
      </c>
      <c r="AU55" s="26">
        <v>1541</v>
      </c>
      <c r="AV55" s="29">
        <v>2.3920265780730896E-2</v>
      </c>
      <c r="AW55" s="15">
        <v>79</v>
      </c>
      <c r="AX55" s="26">
        <v>793</v>
      </c>
      <c r="AY55" s="26">
        <v>19</v>
      </c>
      <c r="AZ55" s="26">
        <v>0</v>
      </c>
      <c r="BA55" s="26">
        <v>763</v>
      </c>
      <c r="BB55" s="26">
        <v>0</v>
      </c>
    </row>
    <row r="56" spans="1:54">
      <c r="A56" s="16" t="s">
        <v>132</v>
      </c>
      <c r="B56" s="25">
        <v>96</v>
      </c>
      <c r="C56" s="25">
        <v>94</v>
      </c>
      <c r="D56" s="25">
        <v>0</v>
      </c>
      <c r="E56" s="25">
        <v>0</v>
      </c>
      <c r="F56" s="25">
        <v>0</v>
      </c>
      <c r="G56" s="25">
        <v>0</v>
      </c>
      <c r="H56" s="25">
        <v>0</v>
      </c>
      <c r="I56" s="25">
        <v>0</v>
      </c>
      <c r="J56" s="25">
        <v>0</v>
      </c>
      <c r="K56" s="25">
        <v>0</v>
      </c>
      <c r="L56" s="25">
        <v>0</v>
      </c>
      <c r="M56" s="25">
        <v>0</v>
      </c>
      <c r="N56" s="25">
        <v>190</v>
      </c>
      <c r="O56" s="25">
        <v>167</v>
      </c>
      <c r="P56" s="25">
        <v>1</v>
      </c>
      <c r="Q56" s="25">
        <v>0</v>
      </c>
      <c r="R56" s="25">
        <v>19</v>
      </c>
      <c r="S56" s="25">
        <v>0</v>
      </c>
      <c r="T56" s="25">
        <v>187</v>
      </c>
      <c r="U56" s="28">
        <v>0.31690140845070425</v>
      </c>
      <c r="V56" s="24">
        <v>21</v>
      </c>
      <c r="W56" s="25">
        <v>169</v>
      </c>
      <c r="X56" s="25">
        <v>2</v>
      </c>
      <c r="Y56" s="25">
        <v>0</v>
      </c>
      <c r="Z56" s="25">
        <v>19</v>
      </c>
      <c r="AA56" s="25">
        <v>0</v>
      </c>
      <c r="AB56" s="27"/>
      <c r="AC56" s="25">
        <v>57</v>
      </c>
      <c r="AD56" s="25">
        <v>88</v>
      </c>
      <c r="AE56" s="25">
        <v>107</v>
      </c>
      <c r="AF56" s="25">
        <v>97</v>
      </c>
      <c r="AG56" s="25">
        <v>78</v>
      </c>
      <c r="AH56" s="25">
        <v>75</v>
      </c>
      <c r="AI56" s="25">
        <v>109</v>
      </c>
      <c r="AJ56" s="25">
        <v>123</v>
      </c>
      <c r="AK56" s="25">
        <v>114</v>
      </c>
      <c r="AL56" s="25">
        <v>117</v>
      </c>
      <c r="AM56" s="25">
        <v>112</v>
      </c>
      <c r="AN56" s="25">
        <v>92</v>
      </c>
      <c r="AO56" s="25">
        <v>1169</v>
      </c>
      <c r="AP56" s="25">
        <v>115</v>
      </c>
      <c r="AQ56" s="25">
        <v>0</v>
      </c>
      <c r="AR56" s="25">
        <v>0</v>
      </c>
      <c r="AS56" s="25">
        <v>27</v>
      </c>
      <c r="AT56" s="25">
        <v>0</v>
      </c>
      <c r="AU56" s="25">
        <v>142</v>
      </c>
      <c r="AV56" s="28">
        <v>-0.1125</v>
      </c>
      <c r="AW56" s="24">
        <v>90</v>
      </c>
      <c r="AX56" s="25">
        <v>118</v>
      </c>
      <c r="AY56" s="25">
        <v>0</v>
      </c>
      <c r="AZ56" s="25">
        <v>0</v>
      </c>
      <c r="BA56" s="25">
        <v>27</v>
      </c>
      <c r="BB56" s="25">
        <v>0</v>
      </c>
    </row>
    <row r="57" spans="1:54">
      <c r="A57" s="17" t="s">
        <v>134</v>
      </c>
      <c r="B57" s="26">
        <v>837</v>
      </c>
      <c r="C57" s="26">
        <v>861</v>
      </c>
      <c r="D57" s="26">
        <v>0</v>
      </c>
      <c r="E57" s="26">
        <v>0</v>
      </c>
      <c r="F57" s="26">
        <v>0</v>
      </c>
      <c r="G57" s="26">
        <v>0</v>
      </c>
      <c r="H57" s="26">
        <v>0</v>
      </c>
      <c r="I57" s="26">
        <v>0</v>
      </c>
      <c r="J57" s="26">
        <v>0</v>
      </c>
      <c r="K57" s="26">
        <v>0</v>
      </c>
      <c r="L57" s="26">
        <v>0</v>
      </c>
      <c r="M57" s="26">
        <v>0</v>
      </c>
      <c r="N57" s="26">
        <v>1698</v>
      </c>
      <c r="O57" s="26">
        <v>787</v>
      </c>
      <c r="P57" s="26">
        <v>9</v>
      </c>
      <c r="Q57" s="26">
        <v>0</v>
      </c>
      <c r="R57" s="26">
        <v>725</v>
      </c>
      <c r="S57" s="26">
        <v>0</v>
      </c>
      <c r="T57" s="26">
        <v>1521</v>
      </c>
      <c r="U57" s="29">
        <v>0.21485623003194887</v>
      </c>
      <c r="V57" s="15">
        <v>41</v>
      </c>
      <c r="W57" s="26">
        <v>897</v>
      </c>
      <c r="X57" s="26">
        <v>76</v>
      </c>
      <c r="Y57" s="26">
        <v>0</v>
      </c>
      <c r="Z57" s="26">
        <v>725</v>
      </c>
      <c r="AA57" s="26">
        <v>0</v>
      </c>
      <c r="AB57" s="27"/>
      <c r="AC57" s="26">
        <v>668</v>
      </c>
      <c r="AD57" s="26">
        <v>680</v>
      </c>
      <c r="AE57" s="26">
        <v>865</v>
      </c>
      <c r="AF57" s="26">
        <v>790</v>
      </c>
      <c r="AG57" s="26">
        <v>832</v>
      </c>
      <c r="AH57" s="26">
        <v>846</v>
      </c>
      <c r="AI57" s="26">
        <v>804</v>
      </c>
      <c r="AJ57" s="26">
        <v>865</v>
      </c>
      <c r="AK57" s="26">
        <v>814</v>
      </c>
      <c r="AL57" s="26">
        <v>869</v>
      </c>
      <c r="AM57" s="26">
        <v>794</v>
      </c>
      <c r="AN57" s="26">
        <v>893</v>
      </c>
      <c r="AO57" s="26">
        <v>9720</v>
      </c>
      <c r="AP57" s="26">
        <v>618</v>
      </c>
      <c r="AQ57" s="26">
        <v>8</v>
      </c>
      <c r="AR57" s="26">
        <v>0</v>
      </c>
      <c r="AS57" s="26">
        <v>626</v>
      </c>
      <c r="AT57" s="26">
        <v>0</v>
      </c>
      <c r="AU57" s="26">
        <v>1252</v>
      </c>
      <c r="AV57" s="29">
        <v>0.85756676557863498</v>
      </c>
      <c r="AW57" s="15">
        <v>2</v>
      </c>
      <c r="AX57" s="26">
        <v>669</v>
      </c>
      <c r="AY57" s="26">
        <v>53</v>
      </c>
      <c r="AZ57" s="26">
        <v>0</v>
      </c>
      <c r="BA57" s="26">
        <v>626</v>
      </c>
      <c r="BB57" s="26">
        <v>0</v>
      </c>
    </row>
    <row r="58" spans="1:54">
      <c r="A58" s="16" t="s">
        <v>135</v>
      </c>
      <c r="B58" s="25">
        <v>229</v>
      </c>
      <c r="C58" s="25">
        <v>261</v>
      </c>
      <c r="D58" s="25">
        <v>0</v>
      </c>
      <c r="E58" s="25">
        <v>0</v>
      </c>
      <c r="F58" s="25">
        <v>0</v>
      </c>
      <c r="G58" s="25">
        <v>0</v>
      </c>
      <c r="H58" s="25">
        <v>0</v>
      </c>
      <c r="I58" s="25">
        <v>0</v>
      </c>
      <c r="J58" s="25">
        <v>0</v>
      </c>
      <c r="K58" s="25">
        <v>0</v>
      </c>
      <c r="L58" s="25">
        <v>0</v>
      </c>
      <c r="M58" s="25">
        <v>0</v>
      </c>
      <c r="N58" s="25">
        <v>490</v>
      </c>
      <c r="O58" s="25">
        <v>339</v>
      </c>
      <c r="P58" s="25">
        <v>2</v>
      </c>
      <c r="Q58" s="25">
        <v>0</v>
      </c>
      <c r="R58" s="25">
        <v>143</v>
      </c>
      <c r="S58" s="25">
        <v>0</v>
      </c>
      <c r="T58" s="25">
        <v>484</v>
      </c>
      <c r="U58" s="28">
        <v>0.25388601036269431</v>
      </c>
      <c r="V58" s="24">
        <v>34</v>
      </c>
      <c r="W58" s="25">
        <v>341</v>
      </c>
      <c r="X58" s="25">
        <v>6</v>
      </c>
      <c r="Y58" s="25">
        <v>0</v>
      </c>
      <c r="Z58" s="25">
        <v>143</v>
      </c>
      <c r="AA58" s="25">
        <v>0</v>
      </c>
      <c r="AB58" s="27"/>
      <c r="AC58" s="25">
        <v>188</v>
      </c>
      <c r="AD58" s="25">
        <v>201</v>
      </c>
      <c r="AE58" s="25">
        <v>345</v>
      </c>
      <c r="AF58" s="25">
        <v>255</v>
      </c>
      <c r="AG58" s="25">
        <v>299</v>
      </c>
      <c r="AH58" s="25">
        <v>294</v>
      </c>
      <c r="AI58" s="25">
        <v>243</v>
      </c>
      <c r="AJ58" s="25">
        <v>319</v>
      </c>
      <c r="AK58" s="25">
        <v>299</v>
      </c>
      <c r="AL58" s="25">
        <v>272</v>
      </c>
      <c r="AM58" s="25">
        <v>278</v>
      </c>
      <c r="AN58" s="25">
        <v>261</v>
      </c>
      <c r="AO58" s="25">
        <v>3254</v>
      </c>
      <c r="AP58" s="25">
        <v>278</v>
      </c>
      <c r="AQ58" s="25">
        <v>0</v>
      </c>
      <c r="AR58" s="25">
        <v>1</v>
      </c>
      <c r="AS58" s="25">
        <v>107</v>
      </c>
      <c r="AT58" s="25">
        <v>0</v>
      </c>
      <c r="AU58" s="25">
        <v>386</v>
      </c>
      <c r="AV58" s="28">
        <v>7.2222222222222215E-2</v>
      </c>
      <c r="AW58" s="24">
        <v>71</v>
      </c>
      <c r="AX58" s="25">
        <v>279</v>
      </c>
      <c r="AY58" s="25">
        <v>2</v>
      </c>
      <c r="AZ58" s="25">
        <v>1</v>
      </c>
      <c r="BA58" s="25">
        <v>107</v>
      </c>
      <c r="BB58" s="25">
        <v>0</v>
      </c>
    </row>
    <row r="59" spans="1:54">
      <c r="A59" s="17" t="s">
        <v>136</v>
      </c>
      <c r="B59" s="26">
        <v>334</v>
      </c>
      <c r="C59" s="26">
        <v>351</v>
      </c>
      <c r="D59" s="26">
        <v>0</v>
      </c>
      <c r="E59" s="26">
        <v>0</v>
      </c>
      <c r="F59" s="26">
        <v>0</v>
      </c>
      <c r="G59" s="26">
        <v>0</v>
      </c>
      <c r="H59" s="26">
        <v>0</v>
      </c>
      <c r="I59" s="26">
        <v>0</v>
      </c>
      <c r="J59" s="26">
        <v>0</v>
      </c>
      <c r="K59" s="26">
        <v>0</v>
      </c>
      <c r="L59" s="26">
        <v>0</v>
      </c>
      <c r="M59" s="26">
        <v>0</v>
      </c>
      <c r="N59" s="26">
        <v>685</v>
      </c>
      <c r="O59" s="26">
        <v>451</v>
      </c>
      <c r="P59" s="26">
        <v>3</v>
      </c>
      <c r="Q59" s="26">
        <v>0</v>
      </c>
      <c r="R59" s="26">
        <v>158</v>
      </c>
      <c r="S59" s="26">
        <v>0</v>
      </c>
      <c r="T59" s="26">
        <v>612</v>
      </c>
      <c r="U59" s="29">
        <v>0.12087912087912088</v>
      </c>
      <c r="V59" s="15">
        <v>66</v>
      </c>
      <c r="W59" s="26">
        <v>470</v>
      </c>
      <c r="X59" s="26">
        <v>46</v>
      </c>
      <c r="Y59" s="26">
        <v>0</v>
      </c>
      <c r="Z59" s="26">
        <v>158</v>
      </c>
      <c r="AA59" s="26">
        <v>11</v>
      </c>
      <c r="AB59" s="27"/>
      <c r="AC59" s="26">
        <v>293</v>
      </c>
      <c r="AD59" s="26">
        <v>304</v>
      </c>
      <c r="AE59" s="26">
        <v>421</v>
      </c>
      <c r="AF59" s="26">
        <v>322</v>
      </c>
      <c r="AG59" s="26">
        <v>394</v>
      </c>
      <c r="AH59" s="26">
        <v>355</v>
      </c>
      <c r="AI59" s="26">
        <v>328</v>
      </c>
      <c r="AJ59" s="26">
        <v>362</v>
      </c>
      <c r="AK59" s="26">
        <v>351</v>
      </c>
      <c r="AL59" s="26">
        <v>325</v>
      </c>
      <c r="AM59" s="26">
        <v>317</v>
      </c>
      <c r="AN59" s="26">
        <v>394</v>
      </c>
      <c r="AO59" s="26">
        <v>4166</v>
      </c>
      <c r="AP59" s="26">
        <v>374</v>
      </c>
      <c r="AQ59" s="26">
        <v>4</v>
      </c>
      <c r="AR59" s="26">
        <v>1</v>
      </c>
      <c r="AS59" s="26">
        <v>166</v>
      </c>
      <c r="AT59" s="26">
        <v>1</v>
      </c>
      <c r="AU59" s="26">
        <v>546</v>
      </c>
      <c r="AV59" s="29">
        <v>0.32524271844660196</v>
      </c>
      <c r="AW59" s="15">
        <v>19</v>
      </c>
      <c r="AX59" s="26">
        <v>385</v>
      </c>
      <c r="AY59" s="26">
        <v>33</v>
      </c>
      <c r="AZ59" s="26">
        <v>1</v>
      </c>
      <c r="BA59" s="26">
        <v>166</v>
      </c>
      <c r="BB59" s="26">
        <v>12</v>
      </c>
    </row>
    <row r="60" spans="1:54">
      <c r="A60" s="16" t="s">
        <v>137</v>
      </c>
      <c r="B60" s="25">
        <v>149</v>
      </c>
      <c r="C60" s="25">
        <v>160</v>
      </c>
      <c r="D60" s="25">
        <v>0</v>
      </c>
      <c r="E60" s="25">
        <v>0</v>
      </c>
      <c r="F60" s="25">
        <v>0</v>
      </c>
      <c r="G60" s="25">
        <v>0</v>
      </c>
      <c r="H60" s="25">
        <v>0</v>
      </c>
      <c r="I60" s="25">
        <v>0</v>
      </c>
      <c r="J60" s="25">
        <v>0</v>
      </c>
      <c r="K60" s="25">
        <v>0</v>
      </c>
      <c r="L60" s="25">
        <v>0</v>
      </c>
      <c r="M60" s="25">
        <v>0</v>
      </c>
      <c r="N60" s="25">
        <v>309</v>
      </c>
      <c r="O60" s="25">
        <v>195</v>
      </c>
      <c r="P60" s="25">
        <v>1</v>
      </c>
      <c r="Q60" s="25">
        <v>0</v>
      </c>
      <c r="R60" s="25">
        <v>107</v>
      </c>
      <c r="S60" s="25">
        <v>0</v>
      </c>
      <c r="T60" s="25">
        <v>303</v>
      </c>
      <c r="U60" s="28">
        <v>0.33480176211453744</v>
      </c>
      <c r="V60" s="24">
        <v>18</v>
      </c>
      <c r="W60" s="25">
        <v>196</v>
      </c>
      <c r="X60" s="25">
        <v>6</v>
      </c>
      <c r="Y60" s="25">
        <v>0</v>
      </c>
      <c r="Z60" s="25">
        <v>107</v>
      </c>
      <c r="AA60" s="25">
        <v>0</v>
      </c>
      <c r="AB60" s="27"/>
      <c r="AC60" s="25">
        <v>115</v>
      </c>
      <c r="AD60" s="25">
        <v>115</v>
      </c>
      <c r="AE60" s="25">
        <v>187</v>
      </c>
      <c r="AF60" s="25">
        <v>159</v>
      </c>
      <c r="AG60" s="25">
        <v>200</v>
      </c>
      <c r="AH60" s="25">
        <v>149</v>
      </c>
      <c r="AI60" s="25">
        <v>159</v>
      </c>
      <c r="AJ60" s="25">
        <v>188</v>
      </c>
      <c r="AK60" s="25">
        <v>197</v>
      </c>
      <c r="AL60" s="25">
        <v>155</v>
      </c>
      <c r="AM60" s="25">
        <v>145</v>
      </c>
      <c r="AN60" s="25">
        <v>131</v>
      </c>
      <c r="AO60" s="25">
        <v>1900</v>
      </c>
      <c r="AP60" s="25">
        <v>145</v>
      </c>
      <c r="AQ60" s="25">
        <v>1</v>
      </c>
      <c r="AR60" s="25">
        <v>0</v>
      </c>
      <c r="AS60" s="25">
        <v>81</v>
      </c>
      <c r="AT60" s="25">
        <v>0</v>
      </c>
      <c r="AU60" s="25">
        <v>227</v>
      </c>
      <c r="AV60" s="28">
        <v>1.3392857142857142E-2</v>
      </c>
      <c r="AW60" s="24">
        <v>81</v>
      </c>
      <c r="AX60" s="25">
        <v>145</v>
      </c>
      <c r="AY60" s="25">
        <v>4</v>
      </c>
      <c r="AZ60" s="25">
        <v>0</v>
      </c>
      <c r="BA60" s="25">
        <v>81</v>
      </c>
      <c r="BB60" s="25">
        <v>0</v>
      </c>
    </row>
    <row r="61" spans="1:54">
      <c r="A61" s="17" t="s">
        <v>125</v>
      </c>
      <c r="B61" s="26">
        <v>305</v>
      </c>
      <c r="C61" s="26">
        <v>358</v>
      </c>
      <c r="D61" s="26">
        <v>0</v>
      </c>
      <c r="E61" s="26">
        <v>0</v>
      </c>
      <c r="F61" s="26">
        <v>0</v>
      </c>
      <c r="G61" s="26">
        <v>0</v>
      </c>
      <c r="H61" s="26">
        <v>0</v>
      </c>
      <c r="I61" s="26">
        <v>0</v>
      </c>
      <c r="J61" s="26">
        <v>0</v>
      </c>
      <c r="K61" s="26">
        <v>0</v>
      </c>
      <c r="L61" s="26">
        <v>0</v>
      </c>
      <c r="M61" s="26">
        <v>0</v>
      </c>
      <c r="N61" s="26">
        <v>663</v>
      </c>
      <c r="O61" s="26">
        <v>148</v>
      </c>
      <c r="P61" s="26">
        <v>2</v>
      </c>
      <c r="Q61" s="26">
        <v>0</v>
      </c>
      <c r="R61" s="26">
        <v>497</v>
      </c>
      <c r="S61" s="26">
        <v>0</v>
      </c>
      <c r="T61" s="26">
        <v>647</v>
      </c>
      <c r="U61" s="29">
        <v>0.23003802281368821</v>
      </c>
      <c r="V61" s="15">
        <v>38</v>
      </c>
      <c r="W61" s="26">
        <v>150</v>
      </c>
      <c r="X61" s="26">
        <v>16</v>
      </c>
      <c r="Y61" s="26">
        <v>0</v>
      </c>
      <c r="Z61" s="26">
        <v>497</v>
      </c>
      <c r="AA61" s="26">
        <v>0</v>
      </c>
      <c r="AB61" s="27"/>
      <c r="AC61" s="26">
        <v>242</v>
      </c>
      <c r="AD61" s="26">
        <v>296</v>
      </c>
      <c r="AE61" s="26">
        <v>342</v>
      </c>
      <c r="AF61" s="26">
        <v>298</v>
      </c>
      <c r="AG61" s="26">
        <v>312</v>
      </c>
      <c r="AH61" s="26">
        <v>317</v>
      </c>
      <c r="AI61" s="26">
        <v>313</v>
      </c>
      <c r="AJ61" s="26">
        <v>390</v>
      </c>
      <c r="AK61" s="26">
        <v>322</v>
      </c>
      <c r="AL61" s="26">
        <v>274</v>
      </c>
      <c r="AM61" s="26">
        <v>361</v>
      </c>
      <c r="AN61" s="26">
        <v>275</v>
      </c>
      <c r="AO61" s="26">
        <v>3742</v>
      </c>
      <c r="AP61" s="26">
        <v>121</v>
      </c>
      <c r="AQ61" s="26">
        <v>1</v>
      </c>
      <c r="AR61" s="26">
        <v>1</v>
      </c>
      <c r="AS61" s="26">
        <v>403</v>
      </c>
      <c r="AT61" s="26">
        <v>0</v>
      </c>
      <c r="AU61" s="26">
        <v>526</v>
      </c>
      <c r="AV61" s="29">
        <v>0.26442307692307693</v>
      </c>
      <c r="AW61" s="15">
        <v>26</v>
      </c>
      <c r="AX61" s="26">
        <v>124</v>
      </c>
      <c r="AY61" s="26">
        <v>10</v>
      </c>
      <c r="AZ61" s="26">
        <v>1</v>
      </c>
      <c r="BA61" s="26">
        <v>403</v>
      </c>
      <c r="BB61" s="26">
        <v>0</v>
      </c>
    </row>
    <row r="62" spans="1:54">
      <c r="A62" s="16" t="s">
        <v>126</v>
      </c>
      <c r="B62" s="25">
        <v>168</v>
      </c>
      <c r="C62" s="25">
        <v>174</v>
      </c>
      <c r="D62" s="25">
        <v>0</v>
      </c>
      <c r="E62" s="25">
        <v>0</v>
      </c>
      <c r="F62" s="25">
        <v>0</v>
      </c>
      <c r="G62" s="25">
        <v>0</v>
      </c>
      <c r="H62" s="25">
        <v>0</v>
      </c>
      <c r="I62" s="25">
        <v>0</v>
      </c>
      <c r="J62" s="25">
        <v>0</v>
      </c>
      <c r="K62" s="25">
        <v>0</v>
      </c>
      <c r="L62" s="25">
        <v>0</v>
      </c>
      <c r="M62" s="25">
        <v>0</v>
      </c>
      <c r="N62" s="25">
        <v>342</v>
      </c>
      <c r="O62" s="25">
        <v>136</v>
      </c>
      <c r="P62" s="25">
        <v>0</v>
      </c>
      <c r="Q62" s="25">
        <v>0</v>
      </c>
      <c r="R62" s="25">
        <v>201</v>
      </c>
      <c r="S62" s="25">
        <v>0</v>
      </c>
      <c r="T62" s="25">
        <v>337</v>
      </c>
      <c r="U62" s="28">
        <v>0.3925619834710744</v>
      </c>
      <c r="V62" s="24">
        <v>10</v>
      </c>
      <c r="W62" s="25">
        <v>140</v>
      </c>
      <c r="X62" s="25">
        <v>1</v>
      </c>
      <c r="Y62" s="25">
        <v>0</v>
      </c>
      <c r="Z62" s="25">
        <v>201</v>
      </c>
      <c r="AA62" s="25">
        <v>0</v>
      </c>
      <c r="AB62" s="27"/>
      <c r="AC62" s="25">
        <v>124</v>
      </c>
      <c r="AD62" s="25">
        <v>118</v>
      </c>
      <c r="AE62" s="25">
        <v>179</v>
      </c>
      <c r="AF62" s="25">
        <v>159</v>
      </c>
      <c r="AG62" s="25">
        <v>168</v>
      </c>
      <c r="AH62" s="25">
        <v>166</v>
      </c>
      <c r="AI62" s="25">
        <v>140</v>
      </c>
      <c r="AJ62" s="25">
        <v>139</v>
      </c>
      <c r="AK62" s="25">
        <v>175</v>
      </c>
      <c r="AL62" s="25">
        <v>127</v>
      </c>
      <c r="AM62" s="25">
        <v>193</v>
      </c>
      <c r="AN62" s="25">
        <v>156</v>
      </c>
      <c r="AO62" s="25">
        <v>1844</v>
      </c>
      <c r="AP62" s="25">
        <v>72</v>
      </c>
      <c r="AQ62" s="25">
        <v>0</v>
      </c>
      <c r="AR62" s="25">
        <v>0</v>
      </c>
      <c r="AS62" s="25">
        <v>170</v>
      </c>
      <c r="AT62" s="25">
        <v>0</v>
      </c>
      <c r="AU62" s="25">
        <v>242</v>
      </c>
      <c r="AV62" s="28">
        <v>-2.0242914979757085E-2</v>
      </c>
      <c r="AW62" s="24">
        <v>86</v>
      </c>
      <c r="AX62" s="25">
        <v>72</v>
      </c>
      <c r="AY62" s="25">
        <v>0</v>
      </c>
      <c r="AZ62" s="25">
        <v>0</v>
      </c>
      <c r="BA62" s="25">
        <v>170</v>
      </c>
      <c r="BB62" s="25">
        <v>0</v>
      </c>
    </row>
    <row r="63" spans="1:54">
      <c r="A63" s="17" t="s">
        <v>127</v>
      </c>
      <c r="B63" s="26">
        <v>154</v>
      </c>
      <c r="C63" s="26">
        <v>163</v>
      </c>
      <c r="D63" s="26">
        <v>0</v>
      </c>
      <c r="E63" s="26">
        <v>0</v>
      </c>
      <c r="F63" s="26">
        <v>0</v>
      </c>
      <c r="G63" s="26">
        <v>0</v>
      </c>
      <c r="H63" s="26">
        <v>0</v>
      </c>
      <c r="I63" s="26">
        <v>0</v>
      </c>
      <c r="J63" s="26">
        <v>0</v>
      </c>
      <c r="K63" s="26">
        <v>0</v>
      </c>
      <c r="L63" s="26">
        <v>0</v>
      </c>
      <c r="M63" s="26">
        <v>0</v>
      </c>
      <c r="N63" s="26">
        <v>317</v>
      </c>
      <c r="O63" s="26">
        <v>121</v>
      </c>
      <c r="P63" s="26">
        <v>1</v>
      </c>
      <c r="Q63" s="26">
        <v>0</v>
      </c>
      <c r="R63" s="26">
        <v>191</v>
      </c>
      <c r="S63" s="26">
        <v>0</v>
      </c>
      <c r="T63" s="26">
        <v>313</v>
      </c>
      <c r="U63" s="29">
        <v>0.20384615384615384</v>
      </c>
      <c r="V63" s="15">
        <v>44</v>
      </c>
      <c r="W63" s="26">
        <v>123</v>
      </c>
      <c r="X63" s="26">
        <v>3</v>
      </c>
      <c r="Y63" s="26">
        <v>0</v>
      </c>
      <c r="Z63" s="26">
        <v>191</v>
      </c>
      <c r="AA63" s="26">
        <v>0</v>
      </c>
      <c r="AB63" s="27"/>
      <c r="AC63" s="26">
        <v>132</v>
      </c>
      <c r="AD63" s="26">
        <v>131</v>
      </c>
      <c r="AE63" s="26">
        <v>153</v>
      </c>
      <c r="AF63" s="26">
        <v>139</v>
      </c>
      <c r="AG63" s="26">
        <v>128</v>
      </c>
      <c r="AH63" s="26">
        <v>131</v>
      </c>
      <c r="AI63" s="26">
        <v>169</v>
      </c>
      <c r="AJ63" s="26">
        <v>138</v>
      </c>
      <c r="AK63" s="26">
        <v>145</v>
      </c>
      <c r="AL63" s="26">
        <v>142</v>
      </c>
      <c r="AM63" s="26">
        <v>142</v>
      </c>
      <c r="AN63" s="26">
        <v>178</v>
      </c>
      <c r="AO63" s="26">
        <v>1728</v>
      </c>
      <c r="AP63" s="26">
        <v>96</v>
      </c>
      <c r="AQ63" s="26">
        <v>0</v>
      </c>
      <c r="AR63" s="26">
        <v>0</v>
      </c>
      <c r="AS63" s="26">
        <v>164</v>
      </c>
      <c r="AT63" s="26">
        <v>0</v>
      </c>
      <c r="AU63" s="26">
        <v>260</v>
      </c>
      <c r="AV63" s="29">
        <v>0.40540540540540543</v>
      </c>
      <c r="AW63" s="15">
        <v>9</v>
      </c>
      <c r="AX63" s="26">
        <v>96</v>
      </c>
      <c r="AY63" s="26">
        <v>2</v>
      </c>
      <c r="AZ63" s="26">
        <v>0</v>
      </c>
      <c r="BA63" s="26">
        <v>164</v>
      </c>
      <c r="BB63" s="26">
        <v>1</v>
      </c>
    </row>
    <row r="64" spans="1:54">
      <c r="A64" s="16" t="s">
        <v>128</v>
      </c>
      <c r="B64" s="25">
        <v>33</v>
      </c>
      <c r="C64" s="25">
        <v>44</v>
      </c>
      <c r="D64" s="25">
        <v>0</v>
      </c>
      <c r="E64" s="25">
        <v>0</v>
      </c>
      <c r="F64" s="25">
        <v>0</v>
      </c>
      <c r="G64" s="25">
        <v>0</v>
      </c>
      <c r="H64" s="25">
        <v>0</v>
      </c>
      <c r="I64" s="25">
        <v>0</v>
      </c>
      <c r="J64" s="25">
        <v>0</v>
      </c>
      <c r="K64" s="25">
        <v>0</v>
      </c>
      <c r="L64" s="25">
        <v>0</v>
      </c>
      <c r="M64" s="25">
        <v>0</v>
      </c>
      <c r="N64" s="25">
        <v>77</v>
      </c>
      <c r="O64" s="25">
        <v>65</v>
      </c>
      <c r="P64" s="25">
        <v>0</v>
      </c>
      <c r="Q64" s="25">
        <v>0</v>
      </c>
      <c r="R64" s="25">
        <v>10</v>
      </c>
      <c r="S64" s="25">
        <v>0</v>
      </c>
      <c r="T64" s="25">
        <v>75</v>
      </c>
      <c r="U64" s="28">
        <v>0.41509433962264153</v>
      </c>
      <c r="V64" s="24">
        <v>6</v>
      </c>
      <c r="W64" s="25">
        <v>66</v>
      </c>
      <c r="X64" s="25">
        <v>1</v>
      </c>
      <c r="Y64" s="25">
        <v>0</v>
      </c>
      <c r="Z64" s="25">
        <v>10</v>
      </c>
      <c r="AA64" s="25">
        <v>0</v>
      </c>
      <c r="AB64" s="27"/>
      <c r="AC64" s="25">
        <v>27</v>
      </c>
      <c r="AD64" s="25">
        <v>27</v>
      </c>
      <c r="AE64" s="25">
        <v>49</v>
      </c>
      <c r="AF64" s="25">
        <v>33</v>
      </c>
      <c r="AG64" s="25">
        <v>35</v>
      </c>
      <c r="AH64" s="25">
        <v>42</v>
      </c>
      <c r="AI64" s="25">
        <v>28</v>
      </c>
      <c r="AJ64" s="25">
        <v>56</v>
      </c>
      <c r="AK64" s="25">
        <v>48</v>
      </c>
      <c r="AL64" s="25">
        <v>45</v>
      </c>
      <c r="AM64" s="25">
        <v>39</v>
      </c>
      <c r="AN64" s="25">
        <v>39</v>
      </c>
      <c r="AO64" s="25">
        <v>468</v>
      </c>
      <c r="AP64" s="25">
        <v>43</v>
      </c>
      <c r="AQ64" s="25">
        <v>0</v>
      </c>
      <c r="AR64" s="25">
        <v>0</v>
      </c>
      <c r="AS64" s="25">
        <v>10</v>
      </c>
      <c r="AT64" s="25">
        <v>0</v>
      </c>
      <c r="AU64" s="25">
        <v>53</v>
      </c>
      <c r="AV64" s="28">
        <v>3.9215686274509803E-2</v>
      </c>
      <c r="AW64" s="24">
        <v>77</v>
      </c>
      <c r="AX64" s="25">
        <v>44</v>
      </c>
      <c r="AY64" s="25">
        <v>0</v>
      </c>
      <c r="AZ64" s="25">
        <v>0</v>
      </c>
      <c r="BA64" s="25">
        <v>10</v>
      </c>
      <c r="BB64" s="25">
        <v>0</v>
      </c>
    </row>
    <row r="65" spans="1:54">
      <c r="A65" s="17" t="s">
        <v>138</v>
      </c>
      <c r="B65" s="26">
        <v>827</v>
      </c>
      <c r="C65" s="26">
        <v>931</v>
      </c>
      <c r="D65" s="26">
        <v>0</v>
      </c>
      <c r="E65" s="26">
        <v>0</v>
      </c>
      <c r="F65" s="26">
        <v>0</v>
      </c>
      <c r="G65" s="26">
        <v>0</v>
      </c>
      <c r="H65" s="26">
        <v>0</v>
      </c>
      <c r="I65" s="26">
        <v>0</v>
      </c>
      <c r="J65" s="26">
        <v>0</v>
      </c>
      <c r="K65" s="26">
        <v>0</v>
      </c>
      <c r="L65" s="26">
        <v>0</v>
      </c>
      <c r="M65" s="26">
        <v>0</v>
      </c>
      <c r="N65" s="26">
        <v>1758</v>
      </c>
      <c r="O65" s="26">
        <v>1345</v>
      </c>
      <c r="P65" s="26">
        <v>1</v>
      </c>
      <c r="Q65" s="26">
        <v>0</v>
      </c>
      <c r="R65" s="26">
        <v>397</v>
      </c>
      <c r="S65" s="26">
        <v>0</v>
      </c>
      <c r="T65" s="26">
        <v>1743</v>
      </c>
      <c r="U65" s="29">
        <v>0.12815533980582525</v>
      </c>
      <c r="V65" s="15">
        <v>62</v>
      </c>
      <c r="W65" s="26">
        <v>1349</v>
      </c>
      <c r="X65" s="26">
        <v>12</v>
      </c>
      <c r="Y65" s="26">
        <v>0</v>
      </c>
      <c r="Z65" s="26">
        <v>397</v>
      </c>
      <c r="AA65" s="26">
        <v>0</v>
      </c>
      <c r="AB65" s="27"/>
      <c r="AC65" s="26">
        <v>726</v>
      </c>
      <c r="AD65" s="26">
        <v>829</v>
      </c>
      <c r="AE65" s="26">
        <v>1102</v>
      </c>
      <c r="AF65" s="26">
        <v>1057</v>
      </c>
      <c r="AG65" s="26">
        <v>984</v>
      </c>
      <c r="AH65" s="26">
        <v>991</v>
      </c>
      <c r="AI65" s="26">
        <v>957</v>
      </c>
      <c r="AJ65" s="26">
        <v>1122</v>
      </c>
      <c r="AK65" s="26">
        <v>972</v>
      </c>
      <c r="AL65" s="26">
        <v>980</v>
      </c>
      <c r="AM65" s="26">
        <v>960</v>
      </c>
      <c r="AN65" s="26">
        <v>933</v>
      </c>
      <c r="AO65" s="26">
        <v>11613</v>
      </c>
      <c r="AP65" s="26">
        <v>1215</v>
      </c>
      <c r="AQ65" s="26">
        <v>2</v>
      </c>
      <c r="AR65" s="26">
        <v>0</v>
      </c>
      <c r="AS65" s="26">
        <v>328</v>
      </c>
      <c r="AT65" s="26">
        <v>0</v>
      </c>
      <c r="AU65" s="26">
        <v>1545</v>
      </c>
      <c r="AV65" s="29">
        <v>0.30600169061707522</v>
      </c>
      <c r="AW65" s="15">
        <v>22</v>
      </c>
      <c r="AX65" s="26">
        <v>1218</v>
      </c>
      <c r="AY65" s="26">
        <v>9</v>
      </c>
      <c r="AZ65" s="26">
        <v>0</v>
      </c>
      <c r="BA65" s="26">
        <v>328</v>
      </c>
      <c r="BB65" s="26">
        <v>0</v>
      </c>
    </row>
    <row r="66" spans="1:54">
      <c r="A66" s="16" t="s">
        <v>139</v>
      </c>
      <c r="B66" s="25">
        <v>704</v>
      </c>
      <c r="C66" s="25">
        <v>756</v>
      </c>
      <c r="D66" s="25">
        <v>0</v>
      </c>
      <c r="E66" s="25">
        <v>0</v>
      </c>
      <c r="F66" s="25">
        <v>0</v>
      </c>
      <c r="G66" s="25">
        <v>0</v>
      </c>
      <c r="H66" s="25">
        <v>0</v>
      </c>
      <c r="I66" s="25">
        <v>0</v>
      </c>
      <c r="J66" s="25">
        <v>0</v>
      </c>
      <c r="K66" s="25">
        <v>0</v>
      </c>
      <c r="L66" s="25">
        <v>0</v>
      </c>
      <c r="M66" s="25">
        <v>0</v>
      </c>
      <c r="N66" s="25">
        <v>1460</v>
      </c>
      <c r="O66" s="25">
        <v>987</v>
      </c>
      <c r="P66" s="25">
        <v>0</v>
      </c>
      <c r="Q66" s="25">
        <v>0</v>
      </c>
      <c r="R66" s="25">
        <v>464</v>
      </c>
      <c r="S66" s="25">
        <v>0</v>
      </c>
      <c r="T66" s="25">
        <v>1451</v>
      </c>
      <c r="U66" s="28">
        <v>0.21830394626364399</v>
      </c>
      <c r="V66" s="24">
        <v>40</v>
      </c>
      <c r="W66" s="25">
        <v>994</v>
      </c>
      <c r="X66" s="25">
        <v>2</v>
      </c>
      <c r="Y66" s="25">
        <v>0</v>
      </c>
      <c r="Z66" s="25">
        <v>464</v>
      </c>
      <c r="AA66" s="25">
        <v>0</v>
      </c>
      <c r="AB66" s="27"/>
      <c r="AC66" s="25">
        <v>572</v>
      </c>
      <c r="AD66" s="25">
        <v>623</v>
      </c>
      <c r="AE66" s="25">
        <v>935</v>
      </c>
      <c r="AF66" s="25">
        <v>801</v>
      </c>
      <c r="AG66" s="25">
        <v>769</v>
      </c>
      <c r="AH66" s="25">
        <v>745</v>
      </c>
      <c r="AI66" s="25">
        <v>760</v>
      </c>
      <c r="AJ66" s="25">
        <v>834</v>
      </c>
      <c r="AK66" s="25">
        <v>834</v>
      </c>
      <c r="AL66" s="25">
        <v>828</v>
      </c>
      <c r="AM66" s="25">
        <v>758</v>
      </c>
      <c r="AN66" s="25">
        <v>816</v>
      </c>
      <c r="AO66" s="25">
        <v>9275</v>
      </c>
      <c r="AP66" s="25">
        <v>755</v>
      </c>
      <c r="AQ66" s="25">
        <v>0</v>
      </c>
      <c r="AR66" s="25">
        <v>0</v>
      </c>
      <c r="AS66" s="25">
        <v>436</v>
      </c>
      <c r="AT66" s="25">
        <v>0</v>
      </c>
      <c r="AU66" s="25">
        <v>1191</v>
      </c>
      <c r="AV66" s="28">
        <v>0.23291925465838509</v>
      </c>
      <c r="AW66" s="24">
        <v>36</v>
      </c>
      <c r="AX66" s="25">
        <v>758</v>
      </c>
      <c r="AY66" s="25">
        <v>1</v>
      </c>
      <c r="AZ66" s="25">
        <v>0</v>
      </c>
      <c r="BA66" s="25">
        <v>436</v>
      </c>
      <c r="BB66" s="25">
        <v>0</v>
      </c>
    </row>
    <row r="67" spans="1:54">
      <c r="A67" s="17" t="s">
        <v>140</v>
      </c>
      <c r="B67" s="26">
        <v>49</v>
      </c>
      <c r="C67" s="26">
        <v>74</v>
      </c>
      <c r="D67" s="26">
        <v>0</v>
      </c>
      <c r="E67" s="26">
        <v>0</v>
      </c>
      <c r="F67" s="26">
        <v>0</v>
      </c>
      <c r="G67" s="26">
        <v>0</v>
      </c>
      <c r="H67" s="26">
        <v>0</v>
      </c>
      <c r="I67" s="26">
        <v>0</v>
      </c>
      <c r="J67" s="26">
        <v>0</v>
      </c>
      <c r="K67" s="26">
        <v>0</v>
      </c>
      <c r="L67" s="26">
        <v>0</v>
      </c>
      <c r="M67" s="26">
        <v>0</v>
      </c>
      <c r="N67" s="26">
        <v>123</v>
      </c>
      <c r="O67" s="26">
        <v>101</v>
      </c>
      <c r="P67" s="26">
        <v>0</v>
      </c>
      <c r="Q67" s="26">
        <v>0</v>
      </c>
      <c r="R67" s="26">
        <v>18</v>
      </c>
      <c r="S67" s="26">
        <v>0</v>
      </c>
      <c r="T67" s="26">
        <v>119</v>
      </c>
      <c r="U67" s="29">
        <v>0.23958333333333334</v>
      </c>
      <c r="V67" s="15">
        <v>36</v>
      </c>
      <c r="W67" s="26">
        <v>105</v>
      </c>
      <c r="X67" s="26">
        <v>0</v>
      </c>
      <c r="Y67" s="26">
        <v>0</v>
      </c>
      <c r="Z67" s="26">
        <v>18</v>
      </c>
      <c r="AA67" s="26">
        <v>0</v>
      </c>
      <c r="AB67" s="27"/>
      <c r="AC67" s="26">
        <v>52</v>
      </c>
      <c r="AD67" s="26">
        <v>44</v>
      </c>
      <c r="AE67" s="26">
        <v>86</v>
      </c>
      <c r="AF67" s="26">
        <v>90</v>
      </c>
      <c r="AG67" s="26">
        <v>88</v>
      </c>
      <c r="AH67" s="26">
        <v>92</v>
      </c>
      <c r="AI67" s="26">
        <v>70</v>
      </c>
      <c r="AJ67" s="26">
        <v>98</v>
      </c>
      <c r="AK67" s="26">
        <v>81</v>
      </c>
      <c r="AL67" s="26">
        <v>88</v>
      </c>
      <c r="AM67" s="26">
        <v>75</v>
      </c>
      <c r="AN67" s="26">
        <v>73</v>
      </c>
      <c r="AO67" s="26">
        <v>937</v>
      </c>
      <c r="AP67" s="26">
        <v>79</v>
      </c>
      <c r="AQ67" s="26">
        <v>0</v>
      </c>
      <c r="AR67" s="26">
        <v>1</v>
      </c>
      <c r="AS67" s="26">
        <v>16</v>
      </c>
      <c r="AT67" s="26">
        <v>0</v>
      </c>
      <c r="AU67" s="26">
        <v>96</v>
      </c>
      <c r="AV67" s="29">
        <v>0.12941176470588237</v>
      </c>
      <c r="AW67" s="15">
        <v>60</v>
      </c>
      <c r="AX67" s="26">
        <v>79</v>
      </c>
      <c r="AY67" s="26">
        <v>0</v>
      </c>
      <c r="AZ67" s="26">
        <v>1</v>
      </c>
      <c r="BA67" s="26">
        <v>16</v>
      </c>
      <c r="BB67" s="26">
        <v>0</v>
      </c>
    </row>
    <row r="68" spans="1:54">
      <c r="A68" s="16" t="s">
        <v>141</v>
      </c>
      <c r="B68" s="25">
        <v>96</v>
      </c>
      <c r="C68" s="25">
        <v>110</v>
      </c>
      <c r="D68" s="25">
        <v>0</v>
      </c>
      <c r="E68" s="25">
        <v>0</v>
      </c>
      <c r="F68" s="25">
        <v>0</v>
      </c>
      <c r="G68" s="25">
        <v>0</v>
      </c>
      <c r="H68" s="25">
        <v>0</v>
      </c>
      <c r="I68" s="25">
        <v>0</v>
      </c>
      <c r="J68" s="25">
        <v>0</v>
      </c>
      <c r="K68" s="25">
        <v>0</v>
      </c>
      <c r="L68" s="25">
        <v>0</v>
      </c>
      <c r="M68" s="25">
        <v>0</v>
      </c>
      <c r="N68" s="25">
        <v>206</v>
      </c>
      <c r="O68" s="25">
        <v>176</v>
      </c>
      <c r="P68" s="25">
        <v>0</v>
      </c>
      <c r="Q68" s="25">
        <v>0</v>
      </c>
      <c r="R68" s="25">
        <v>28</v>
      </c>
      <c r="S68" s="25">
        <v>0</v>
      </c>
      <c r="T68" s="25">
        <v>204</v>
      </c>
      <c r="U68" s="28">
        <v>0.29936305732484075</v>
      </c>
      <c r="V68" s="24">
        <v>24</v>
      </c>
      <c r="W68" s="25">
        <v>177</v>
      </c>
      <c r="X68" s="25">
        <v>0</v>
      </c>
      <c r="Y68" s="25">
        <v>0</v>
      </c>
      <c r="Z68" s="25">
        <v>29</v>
      </c>
      <c r="AA68" s="25">
        <v>0</v>
      </c>
      <c r="AB68" s="27"/>
      <c r="AC68" s="25">
        <v>91</v>
      </c>
      <c r="AD68" s="25">
        <v>66</v>
      </c>
      <c r="AE68" s="25">
        <v>151</v>
      </c>
      <c r="AF68" s="25">
        <v>163</v>
      </c>
      <c r="AG68" s="25">
        <v>126</v>
      </c>
      <c r="AH68" s="25">
        <v>125</v>
      </c>
      <c r="AI68" s="25">
        <v>128</v>
      </c>
      <c r="AJ68" s="25">
        <v>133</v>
      </c>
      <c r="AK68" s="25">
        <v>110</v>
      </c>
      <c r="AL68" s="25">
        <v>156</v>
      </c>
      <c r="AM68" s="25">
        <v>116</v>
      </c>
      <c r="AN68" s="25">
        <v>108</v>
      </c>
      <c r="AO68" s="25">
        <v>1473</v>
      </c>
      <c r="AP68" s="25">
        <v>138</v>
      </c>
      <c r="AQ68" s="25">
        <v>0</v>
      </c>
      <c r="AR68" s="25">
        <v>0</v>
      </c>
      <c r="AS68" s="25">
        <v>19</v>
      </c>
      <c r="AT68" s="25">
        <v>0</v>
      </c>
      <c r="AU68" s="25">
        <v>157</v>
      </c>
      <c r="AV68" s="28">
        <v>0.11347517730496454</v>
      </c>
      <c r="AW68" s="24">
        <v>63</v>
      </c>
      <c r="AX68" s="25">
        <v>138</v>
      </c>
      <c r="AY68" s="25">
        <v>0</v>
      </c>
      <c r="AZ68" s="25">
        <v>0</v>
      </c>
      <c r="BA68" s="25">
        <v>19</v>
      </c>
      <c r="BB68" s="25">
        <v>0</v>
      </c>
    </row>
    <row r="69" spans="1:54">
      <c r="A69" s="17" t="s">
        <v>142</v>
      </c>
      <c r="B69" s="26">
        <v>212</v>
      </c>
      <c r="C69" s="26">
        <v>266</v>
      </c>
      <c r="D69" s="26">
        <v>0</v>
      </c>
      <c r="E69" s="26">
        <v>0</v>
      </c>
      <c r="F69" s="26">
        <v>0</v>
      </c>
      <c r="G69" s="26">
        <v>0</v>
      </c>
      <c r="H69" s="26">
        <v>0</v>
      </c>
      <c r="I69" s="26">
        <v>0</v>
      </c>
      <c r="J69" s="26">
        <v>0</v>
      </c>
      <c r="K69" s="26">
        <v>0</v>
      </c>
      <c r="L69" s="26">
        <v>0</v>
      </c>
      <c r="M69" s="26">
        <v>0</v>
      </c>
      <c r="N69" s="26">
        <v>478</v>
      </c>
      <c r="O69" s="26">
        <v>334</v>
      </c>
      <c r="P69" s="26">
        <v>0</v>
      </c>
      <c r="Q69" s="26">
        <v>0</v>
      </c>
      <c r="R69" s="26">
        <v>138</v>
      </c>
      <c r="S69" s="26">
        <v>0</v>
      </c>
      <c r="T69" s="26">
        <v>472</v>
      </c>
      <c r="U69" s="29">
        <v>0.14841849148418493</v>
      </c>
      <c r="V69" s="15">
        <v>60</v>
      </c>
      <c r="W69" s="26">
        <v>339</v>
      </c>
      <c r="X69" s="26">
        <v>1</v>
      </c>
      <c r="Y69" s="26">
        <v>0</v>
      </c>
      <c r="Z69" s="26">
        <v>138</v>
      </c>
      <c r="AA69" s="26">
        <v>0</v>
      </c>
      <c r="AB69" s="27"/>
      <c r="AC69" s="26">
        <v>189</v>
      </c>
      <c r="AD69" s="26">
        <v>228</v>
      </c>
      <c r="AE69" s="26">
        <v>366</v>
      </c>
      <c r="AF69" s="26">
        <v>312</v>
      </c>
      <c r="AG69" s="26">
        <v>307</v>
      </c>
      <c r="AH69" s="26">
        <v>311</v>
      </c>
      <c r="AI69" s="26">
        <v>278</v>
      </c>
      <c r="AJ69" s="26">
        <v>325</v>
      </c>
      <c r="AK69" s="26">
        <v>291</v>
      </c>
      <c r="AL69" s="26">
        <v>280</v>
      </c>
      <c r="AM69" s="26">
        <v>249</v>
      </c>
      <c r="AN69" s="26">
        <v>287</v>
      </c>
      <c r="AO69" s="26">
        <v>3423</v>
      </c>
      <c r="AP69" s="26">
        <v>299</v>
      </c>
      <c r="AQ69" s="26">
        <v>2</v>
      </c>
      <c r="AR69" s="26">
        <v>0</v>
      </c>
      <c r="AS69" s="26">
        <v>110</v>
      </c>
      <c r="AT69" s="26">
        <v>0</v>
      </c>
      <c r="AU69" s="26">
        <v>411</v>
      </c>
      <c r="AV69" s="29">
        <v>0.23423423423423423</v>
      </c>
      <c r="AW69" s="15">
        <v>35</v>
      </c>
      <c r="AX69" s="26">
        <v>304</v>
      </c>
      <c r="AY69" s="26">
        <v>3</v>
      </c>
      <c r="AZ69" s="26">
        <v>0</v>
      </c>
      <c r="BA69" s="26">
        <v>110</v>
      </c>
      <c r="BB69" s="26">
        <v>0</v>
      </c>
    </row>
    <row r="70" spans="1:54">
      <c r="A70" s="16" t="s">
        <v>143</v>
      </c>
      <c r="B70" s="25">
        <v>442</v>
      </c>
      <c r="C70" s="25">
        <v>551</v>
      </c>
      <c r="D70" s="25">
        <v>0</v>
      </c>
      <c r="E70" s="25">
        <v>0</v>
      </c>
      <c r="F70" s="25">
        <v>0</v>
      </c>
      <c r="G70" s="25">
        <v>0</v>
      </c>
      <c r="H70" s="25">
        <v>0</v>
      </c>
      <c r="I70" s="25">
        <v>0</v>
      </c>
      <c r="J70" s="25">
        <v>0</v>
      </c>
      <c r="K70" s="25">
        <v>0</v>
      </c>
      <c r="L70" s="25">
        <v>0</v>
      </c>
      <c r="M70" s="25">
        <v>0</v>
      </c>
      <c r="N70" s="25">
        <v>993</v>
      </c>
      <c r="O70" s="25">
        <v>705</v>
      </c>
      <c r="P70" s="25">
        <v>0</v>
      </c>
      <c r="Q70" s="25">
        <v>0</v>
      </c>
      <c r="R70" s="25">
        <v>270</v>
      </c>
      <c r="S70" s="25">
        <v>0</v>
      </c>
      <c r="T70" s="25">
        <v>975</v>
      </c>
      <c r="U70" s="28">
        <v>0.40086206896551724</v>
      </c>
      <c r="V70" s="24">
        <v>8</v>
      </c>
      <c r="W70" s="25">
        <v>713</v>
      </c>
      <c r="X70" s="25">
        <v>6</v>
      </c>
      <c r="Y70" s="25">
        <v>1</v>
      </c>
      <c r="Z70" s="25">
        <v>273</v>
      </c>
      <c r="AA70" s="25">
        <v>0</v>
      </c>
      <c r="AB70" s="27"/>
      <c r="AC70" s="25">
        <v>343</v>
      </c>
      <c r="AD70" s="25">
        <v>361</v>
      </c>
      <c r="AE70" s="25">
        <v>541</v>
      </c>
      <c r="AF70" s="25">
        <v>455</v>
      </c>
      <c r="AG70" s="25">
        <v>423</v>
      </c>
      <c r="AH70" s="25">
        <v>429</v>
      </c>
      <c r="AI70" s="25">
        <v>414</v>
      </c>
      <c r="AJ70" s="25">
        <v>548</v>
      </c>
      <c r="AK70" s="25">
        <v>481</v>
      </c>
      <c r="AL70" s="25">
        <v>501</v>
      </c>
      <c r="AM70" s="25">
        <v>479</v>
      </c>
      <c r="AN70" s="25">
        <v>526</v>
      </c>
      <c r="AO70" s="25">
        <v>5501</v>
      </c>
      <c r="AP70" s="25">
        <v>468</v>
      </c>
      <c r="AQ70" s="25">
        <v>1</v>
      </c>
      <c r="AR70" s="25">
        <v>0</v>
      </c>
      <c r="AS70" s="25">
        <v>227</v>
      </c>
      <c r="AT70" s="25">
        <v>0</v>
      </c>
      <c r="AU70" s="25">
        <v>696</v>
      </c>
      <c r="AV70" s="28">
        <v>0.36738703339882123</v>
      </c>
      <c r="AW70" s="24">
        <v>15</v>
      </c>
      <c r="AX70" s="25">
        <v>471</v>
      </c>
      <c r="AY70" s="25">
        <v>5</v>
      </c>
      <c r="AZ70" s="25">
        <v>0</v>
      </c>
      <c r="BA70" s="25">
        <v>228</v>
      </c>
      <c r="BB70" s="25">
        <v>0</v>
      </c>
    </row>
    <row r="71" spans="1:54">
      <c r="A71" s="17" t="s">
        <v>144</v>
      </c>
      <c r="B71" s="26">
        <v>291</v>
      </c>
      <c r="C71" s="26">
        <v>380</v>
      </c>
      <c r="D71" s="26">
        <v>0</v>
      </c>
      <c r="E71" s="26">
        <v>0</v>
      </c>
      <c r="F71" s="26">
        <v>0</v>
      </c>
      <c r="G71" s="26">
        <v>0</v>
      </c>
      <c r="H71" s="26">
        <v>0</v>
      </c>
      <c r="I71" s="26">
        <v>0</v>
      </c>
      <c r="J71" s="26">
        <v>0</v>
      </c>
      <c r="K71" s="26">
        <v>0</v>
      </c>
      <c r="L71" s="26">
        <v>0</v>
      </c>
      <c r="M71" s="26">
        <v>0</v>
      </c>
      <c r="N71" s="26">
        <v>671</v>
      </c>
      <c r="O71" s="26">
        <v>271</v>
      </c>
      <c r="P71" s="26">
        <v>1</v>
      </c>
      <c r="Q71" s="26">
        <v>0</v>
      </c>
      <c r="R71" s="26">
        <v>391</v>
      </c>
      <c r="S71" s="26">
        <v>0</v>
      </c>
      <c r="T71" s="26">
        <v>663</v>
      </c>
      <c r="U71" s="29">
        <v>0.20545454545454545</v>
      </c>
      <c r="V71" s="15">
        <v>43</v>
      </c>
      <c r="W71" s="26">
        <v>277</v>
      </c>
      <c r="X71" s="26">
        <v>2</v>
      </c>
      <c r="Y71" s="26">
        <v>0</v>
      </c>
      <c r="Z71" s="26">
        <v>392</v>
      </c>
      <c r="AA71" s="26">
        <v>0</v>
      </c>
      <c r="AB71" s="27"/>
      <c r="AC71" s="26">
        <v>276</v>
      </c>
      <c r="AD71" s="26">
        <v>284</v>
      </c>
      <c r="AE71" s="26">
        <v>367</v>
      </c>
      <c r="AF71" s="26">
        <v>324</v>
      </c>
      <c r="AG71" s="26">
        <v>328</v>
      </c>
      <c r="AH71" s="26">
        <v>344</v>
      </c>
      <c r="AI71" s="26">
        <v>339</v>
      </c>
      <c r="AJ71" s="26">
        <v>331</v>
      </c>
      <c r="AK71" s="26">
        <v>370</v>
      </c>
      <c r="AL71" s="26">
        <v>310</v>
      </c>
      <c r="AM71" s="26">
        <v>343</v>
      </c>
      <c r="AN71" s="26">
        <v>319</v>
      </c>
      <c r="AO71" s="26">
        <v>3935</v>
      </c>
      <c r="AP71" s="26">
        <v>221</v>
      </c>
      <c r="AQ71" s="26">
        <v>0</v>
      </c>
      <c r="AR71" s="26">
        <v>0</v>
      </c>
      <c r="AS71" s="26">
        <v>329</v>
      </c>
      <c r="AT71" s="26">
        <v>0</v>
      </c>
      <c r="AU71" s="26">
        <v>550</v>
      </c>
      <c r="AV71" s="29">
        <v>0.14345114345114346</v>
      </c>
      <c r="AW71" s="15">
        <v>54</v>
      </c>
      <c r="AX71" s="26">
        <v>227</v>
      </c>
      <c r="AY71" s="26">
        <v>4</v>
      </c>
      <c r="AZ71" s="26">
        <v>0</v>
      </c>
      <c r="BA71" s="26">
        <v>329</v>
      </c>
      <c r="BB71" s="26">
        <v>0</v>
      </c>
    </row>
    <row r="72" spans="1:54">
      <c r="A72" s="16" t="s">
        <v>145</v>
      </c>
      <c r="B72" s="25">
        <v>233</v>
      </c>
      <c r="C72" s="25">
        <v>256</v>
      </c>
      <c r="D72" s="25">
        <v>0</v>
      </c>
      <c r="E72" s="25">
        <v>0</v>
      </c>
      <c r="F72" s="25">
        <v>0</v>
      </c>
      <c r="G72" s="25">
        <v>0</v>
      </c>
      <c r="H72" s="25">
        <v>0</v>
      </c>
      <c r="I72" s="25">
        <v>0</v>
      </c>
      <c r="J72" s="25">
        <v>0</v>
      </c>
      <c r="K72" s="25">
        <v>0</v>
      </c>
      <c r="L72" s="25">
        <v>0</v>
      </c>
      <c r="M72" s="25">
        <v>0</v>
      </c>
      <c r="N72" s="25">
        <v>489</v>
      </c>
      <c r="O72" s="25">
        <v>238</v>
      </c>
      <c r="P72" s="25">
        <v>0</v>
      </c>
      <c r="Q72" s="25">
        <v>0</v>
      </c>
      <c r="R72" s="25">
        <v>245</v>
      </c>
      <c r="S72" s="25">
        <v>0</v>
      </c>
      <c r="T72" s="25">
        <v>483</v>
      </c>
      <c r="U72" s="28">
        <v>0.15274463007159905</v>
      </c>
      <c r="V72" s="24">
        <v>57</v>
      </c>
      <c r="W72" s="25">
        <v>244</v>
      </c>
      <c r="X72" s="25">
        <v>0</v>
      </c>
      <c r="Y72" s="25">
        <v>0</v>
      </c>
      <c r="Z72" s="25">
        <v>245</v>
      </c>
      <c r="AA72" s="25">
        <v>0</v>
      </c>
      <c r="AB72" s="27"/>
      <c r="AC72" s="25">
        <v>202</v>
      </c>
      <c r="AD72" s="25">
        <v>222</v>
      </c>
      <c r="AE72" s="25">
        <v>278</v>
      </c>
      <c r="AF72" s="25">
        <v>262</v>
      </c>
      <c r="AG72" s="25">
        <v>247</v>
      </c>
      <c r="AH72" s="25">
        <v>272</v>
      </c>
      <c r="AI72" s="25">
        <v>252</v>
      </c>
      <c r="AJ72" s="25">
        <v>230</v>
      </c>
      <c r="AK72" s="25">
        <v>293</v>
      </c>
      <c r="AL72" s="25">
        <v>233</v>
      </c>
      <c r="AM72" s="25">
        <v>208</v>
      </c>
      <c r="AN72" s="25">
        <v>220</v>
      </c>
      <c r="AO72" s="25">
        <v>2919</v>
      </c>
      <c r="AP72" s="25">
        <v>215</v>
      </c>
      <c r="AQ72" s="25">
        <v>0</v>
      </c>
      <c r="AR72" s="25">
        <v>0</v>
      </c>
      <c r="AS72" s="25">
        <v>204</v>
      </c>
      <c r="AT72" s="25">
        <v>0</v>
      </c>
      <c r="AU72" s="25">
        <v>419</v>
      </c>
      <c r="AV72" s="28">
        <v>9.3994778067885115E-2</v>
      </c>
      <c r="AW72" s="24">
        <v>68</v>
      </c>
      <c r="AX72" s="25">
        <v>218</v>
      </c>
      <c r="AY72" s="25">
        <v>1</v>
      </c>
      <c r="AZ72" s="25">
        <v>1</v>
      </c>
      <c r="BA72" s="25">
        <v>204</v>
      </c>
      <c r="BB72" s="25">
        <v>0</v>
      </c>
    </row>
    <row r="73" spans="1:54">
      <c r="A73" s="17" t="s">
        <v>146</v>
      </c>
      <c r="B73" s="26">
        <v>334</v>
      </c>
      <c r="C73" s="26">
        <v>336</v>
      </c>
      <c r="D73" s="26">
        <v>0</v>
      </c>
      <c r="E73" s="26">
        <v>0</v>
      </c>
      <c r="F73" s="26">
        <v>0</v>
      </c>
      <c r="G73" s="26">
        <v>0</v>
      </c>
      <c r="H73" s="26">
        <v>0</v>
      </c>
      <c r="I73" s="26">
        <v>0</v>
      </c>
      <c r="J73" s="26">
        <v>0</v>
      </c>
      <c r="K73" s="26">
        <v>0</v>
      </c>
      <c r="L73" s="26">
        <v>0</v>
      </c>
      <c r="M73" s="26">
        <v>0</v>
      </c>
      <c r="N73" s="26">
        <v>670</v>
      </c>
      <c r="O73" s="26">
        <v>406</v>
      </c>
      <c r="P73" s="26">
        <v>3</v>
      </c>
      <c r="Q73" s="26">
        <v>0</v>
      </c>
      <c r="R73" s="26">
        <v>243</v>
      </c>
      <c r="S73" s="26">
        <v>0</v>
      </c>
      <c r="T73" s="26">
        <v>652</v>
      </c>
      <c r="U73" s="29">
        <v>0.1519434628975265</v>
      </c>
      <c r="V73" s="15">
        <v>58</v>
      </c>
      <c r="W73" s="26">
        <v>419</v>
      </c>
      <c r="X73" s="26">
        <v>8</v>
      </c>
      <c r="Y73" s="26">
        <v>0</v>
      </c>
      <c r="Z73" s="26">
        <v>243</v>
      </c>
      <c r="AA73" s="26">
        <v>0</v>
      </c>
      <c r="AB73" s="27"/>
      <c r="AC73" s="26">
        <v>290</v>
      </c>
      <c r="AD73" s="26">
        <v>287</v>
      </c>
      <c r="AE73" s="26">
        <v>384</v>
      </c>
      <c r="AF73" s="26">
        <v>354</v>
      </c>
      <c r="AG73" s="26">
        <v>322</v>
      </c>
      <c r="AH73" s="26">
        <v>359</v>
      </c>
      <c r="AI73" s="26">
        <v>261</v>
      </c>
      <c r="AJ73" s="26">
        <v>326</v>
      </c>
      <c r="AK73" s="26">
        <v>360</v>
      </c>
      <c r="AL73" s="26">
        <v>329</v>
      </c>
      <c r="AM73" s="26">
        <v>360</v>
      </c>
      <c r="AN73" s="26">
        <v>310</v>
      </c>
      <c r="AO73" s="26">
        <v>3942</v>
      </c>
      <c r="AP73" s="26">
        <v>355</v>
      </c>
      <c r="AQ73" s="26">
        <v>2</v>
      </c>
      <c r="AR73" s="26">
        <v>0</v>
      </c>
      <c r="AS73" s="26">
        <v>209</v>
      </c>
      <c r="AT73" s="26">
        <v>0</v>
      </c>
      <c r="AU73" s="26">
        <v>566</v>
      </c>
      <c r="AV73" s="29">
        <v>0.16460905349794239</v>
      </c>
      <c r="AW73" s="15">
        <v>50</v>
      </c>
      <c r="AX73" s="26">
        <v>360</v>
      </c>
      <c r="AY73" s="26">
        <v>7</v>
      </c>
      <c r="AZ73" s="26">
        <v>1</v>
      </c>
      <c r="BA73" s="26">
        <v>209</v>
      </c>
      <c r="BB73" s="26">
        <v>0</v>
      </c>
    </row>
    <row r="74" spans="1:54">
      <c r="A74" s="16" t="s">
        <v>147</v>
      </c>
      <c r="B74" s="25">
        <v>310</v>
      </c>
      <c r="C74" s="25">
        <v>470</v>
      </c>
      <c r="D74" s="25">
        <v>0</v>
      </c>
      <c r="E74" s="25">
        <v>0</v>
      </c>
      <c r="F74" s="25">
        <v>0</v>
      </c>
      <c r="G74" s="25">
        <v>0</v>
      </c>
      <c r="H74" s="25">
        <v>0</v>
      </c>
      <c r="I74" s="25">
        <v>0</v>
      </c>
      <c r="J74" s="25">
        <v>0</v>
      </c>
      <c r="K74" s="25">
        <v>0</v>
      </c>
      <c r="L74" s="25">
        <v>0</v>
      </c>
      <c r="M74" s="25">
        <v>0</v>
      </c>
      <c r="N74" s="25">
        <v>780</v>
      </c>
      <c r="O74" s="25">
        <v>249</v>
      </c>
      <c r="P74" s="25">
        <v>1</v>
      </c>
      <c r="Q74" s="25">
        <v>2</v>
      </c>
      <c r="R74" s="25">
        <v>513</v>
      </c>
      <c r="S74" s="25">
        <v>0</v>
      </c>
      <c r="T74" s="25">
        <v>765</v>
      </c>
      <c r="U74" s="28">
        <v>0.33507853403141363</v>
      </c>
      <c r="V74" s="24">
        <v>17</v>
      </c>
      <c r="W74" s="25">
        <v>255</v>
      </c>
      <c r="X74" s="25">
        <v>9</v>
      </c>
      <c r="Y74" s="25">
        <v>3</v>
      </c>
      <c r="Z74" s="25">
        <v>513</v>
      </c>
      <c r="AA74" s="25">
        <v>0</v>
      </c>
      <c r="AB74" s="27"/>
      <c r="AC74" s="25">
        <v>241</v>
      </c>
      <c r="AD74" s="25">
        <v>343</v>
      </c>
      <c r="AE74" s="25">
        <v>376</v>
      </c>
      <c r="AF74" s="25">
        <v>342</v>
      </c>
      <c r="AG74" s="25">
        <v>361</v>
      </c>
      <c r="AH74" s="25">
        <v>351</v>
      </c>
      <c r="AI74" s="25">
        <v>326</v>
      </c>
      <c r="AJ74" s="25">
        <v>403</v>
      </c>
      <c r="AK74" s="25">
        <v>417</v>
      </c>
      <c r="AL74" s="25">
        <v>372</v>
      </c>
      <c r="AM74" s="25">
        <v>400</v>
      </c>
      <c r="AN74" s="25">
        <v>509</v>
      </c>
      <c r="AO74" s="25">
        <v>4441</v>
      </c>
      <c r="AP74" s="25">
        <v>178</v>
      </c>
      <c r="AQ74" s="25">
        <v>5</v>
      </c>
      <c r="AR74" s="25">
        <v>1</v>
      </c>
      <c r="AS74" s="25">
        <v>389</v>
      </c>
      <c r="AT74" s="25">
        <v>0</v>
      </c>
      <c r="AU74" s="25">
        <v>573</v>
      </c>
      <c r="AV74" s="28">
        <v>0.17901234567901234</v>
      </c>
      <c r="AW74" s="24">
        <v>44</v>
      </c>
      <c r="AX74" s="25">
        <v>183</v>
      </c>
      <c r="AY74" s="25">
        <v>10</v>
      </c>
      <c r="AZ74" s="25">
        <v>2</v>
      </c>
      <c r="BA74" s="25">
        <v>389</v>
      </c>
      <c r="BB74" s="25">
        <v>0</v>
      </c>
    </row>
    <row r="75" spans="1:54">
      <c r="A75" s="17" t="s">
        <v>148</v>
      </c>
      <c r="B75" s="26">
        <v>50</v>
      </c>
      <c r="C75" s="26">
        <v>65</v>
      </c>
      <c r="D75" s="26">
        <v>0</v>
      </c>
      <c r="E75" s="26">
        <v>0</v>
      </c>
      <c r="F75" s="26">
        <v>0</v>
      </c>
      <c r="G75" s="26">
        <v>0</v>
      </c>
      <c r="H75" s="26">
        <v>0</v>
      </c>
      <c r="I75" s="26">
        <v>0</v>
      </c>
      <c r="J75" s="26">
        <v>0</v>
      </c>
      <c r="K75" s="26">
        <v>0</v>
      </c>
      <c r="L75" s="26">
        <v>0</v>
      </c>
      <c r="M75" s="26">
        <v>0</v>
      </c>
      <c r="N75" s="26">
        <v>115</v>
      </c>
      <c r="O75" s="26">
        <v>81</v>
      </c>
      <c r="P75" s="26">
        <v>0</v>
      </c>
      <c r="Q75" s="26">
        <v>0</v>
      </c>
      <c r="R75" s="26">
        <v>32</v>
      </c>
      <c r="S75" s="26">
        <v>0</v>
      </c>
      <c r="T75" s="26">
        <v>113</v>
      </c>
      <c r="U75" s="29">
        <v>-7.3770491803278687E-2</v>
      </c>
      <c r="V75" s="15">
        <v>91</v>
      </c>
      <c r="W75" s="26">
        <v>82</v>
      </c>
      <c r="X75" s="26">
        <v>1</v>
      </c>
      <c r="Y75" s="26">
        <v>0</v>
      </c>
      <c r="Z75" s="26">
        <v>32</v>
      </c>
      <c r="AA75" s="26">
        <v>0</v>
      </c>
      <c r="AB75" s="27"/>
      <c r="AC75" s="26">
        <v>62</v>
      </c>
      <c r="AD75" s="26">
        <v>64</v>
      </c>
      <c r="AE75" s="26">
        <v>93</v>
      </c>
      <c r="AF75" s="26">
        <v>73</v>
      </c>
      <c r="AG75" s="26">
        <v>69</v>
      </c>
      <c r="AH75" s="26">
        <v>81</v>
      </c>
      <c r="AI75" s="26">
        <v>58</v>
      </c>
      <c r="AJ75" s="26">
        <v>67</v>
      </c>
      <c r="AK75" s="26">
        <v>67</v>
      </c>
      <c r="AL75" s="26">
        <v>52</v>
      </c>
      <c r="AM75" s="26">
        <v>60</v>
      </c>
      <c r="AN75" s="26">
        <v>58</v>
      </c>
      <c r="AO75" s="26">
        <v>804</v>
      </c>
      <c r="AP75" s="26">
        <v>84</v>
      </c>
      <c r="AQ75" s="26">
        <v>0</v>
      </c>
      <c r="AR75" s="26">
        <v>0</v>
      </c>
      <c r="AS75" s="26">
        <v>38</v>
      </c>
      <c r="AT75" s="26">
        <v>0</v>
      </c>
      <c r="AU75" s="26">
        <v>122</v>
      </c>
      <c r="AV75" s="29">
        <v>0.14018691588785046</v>
      </c>
      <c r="AW75" s="15">
        <v>55</v>
      </c>
      <c r="AX75" s="26">
        <v>88</v>
      </c>
      <c r="AY75" s="26">
        <v>0</v>
      </c>
      <c r="AZ75" s="26">
        <v>0</v>
      </c>
      <c r="BA75" s="26">
        <v>38</v>
      </c>
      <c r="BB75" s="26">
        <v>0</v>
      </c>
    </row>
    <row r="76" spans="1:54">
      <c r="A76" s="16" t="s">
        <v>149</v>
      </c>
      <c r="B76" s="25">
        <v>357</v>
      </c>
      <c r="C76" s="25">
        <v>369</v>
      </c>
      <c r="D76" s="25">
        <v>0</v>
      </c>
      <c r="E76" s="25">
        <v>0</v>
      </c>
      <c r="F76" s="25">
        <v>0</v>
      </c>
      <c r="G76" s="25">
        <v>0</v>
      </c>
      <c r="H76" s="25">
        <v>0</v>
      </c>
      <c r="I76" s="25">
        <v>0</v>
      </c>
      <c r="J76" s="25">
        <v>0</v>
      </c>
      <c r="K76" s="25">
        <v>0</v>
      </c>
      <c r="L76" s="25">
        <v>0</v>
      </c>
      <c r="M76" s="25">
        <v>0</v>
      </c>
      <c r="N76" s="25">
        <v>726</v>
      </c>
      <c r="O76" s="25">
        <v>214</v>
      </c>
      <c r="P76" s="25">
        <v>0</v>
      </c>
      <c r="Q76" s="25">
        <v>0</v>
      </c>
      <c r="R76" s="25">
        <v>500</v>
      </c>
      <c r="S76" s="25">
        <v>0</v>
      </c>
      <c r="T76" s="25">
        <v>714</v>
      </c>
      <c r="U76" s="28">
        <v>0.29113924050632911</v>
      </c>
      <c r="V76" s="24">
        <v>27</v>
      </c>
      <c r="W76" s="25">
        <v>221</v>
      </c>
      <c r="X76" s="25">
        <v>5</v>
      </c>
      <c r="Y76" s="25">
        <v>0</v>
      </c>
      <c r="Z76" s="25">
        <v>500</v>
      </c>
      <c r="AA76" s="25">
        <v>0</v>
      </c>
      <c r="AB76" s="27"/>
      <c r="AC76" s="25">
        <v>279</v>
      </c>
      <c r="AD76" s="25">
        <v>283</v>
      </c>
      <c r="AE76" s="25">
        <v>357</v>
      </c>
      <c r="AF76" s="25">
        <v>324</v>
      </c>
      <c r="AG76" s="25">
        <v>292</v>
      </c>
      <c r="AH76" s="25">
        <v>360</v>
      </c>
      <c r="AI76" s="25">
        <v>344</v>
      </c>
      <c r="AJ76" s="25">
        <v>381</v>
      </c>
      <c r="AK76" s="25">
        <v>345</v>
      </c>
      <c r="AL76" s="25">
        <v>319</v>
      </c>
      <c r="AM76" s="25">
        <v>367</v>
      </c>
      <c r="AN76" s="25">
        <v>370</v>
      </c>
      <c r="AO76" s="25">
        <v>4021</v>
      </c>
      <c r="AP76" s="25">
        <v>148</v>
      </c>
      <c r="AQ76" s="25">
        <v>1</v>
      </c>
      <c r="AR76" s="25">
        <v>1</v>
      </c>
      <c r="AS76" s="25">
        <v>403</v>
      </c>
      <c r="AT76" s="25">
        <v>0</v>
      </c>
      <c r="AU76" s="25">
        <v>553</v>
      </c>
      <c r="AV76" s="28">
        <v>0.13552361396303902</v>
      </c>
      <c r="AW76" s="24">
        <v>57</v>
      </c>
      <c r="AX76" s="25">
        <v>152</v>
      </c>
      <c r="AY76" s="25">
        <v>6</v>
      </c>
      <c r="AZ76" s="25">
        <v>1</v>
      </c>
      <c r="BA76" s="25">
        <v>403</v>
      </c>
      <c r="BB76" s="25">
        <v>0</v>
      </c>
    </row>
    <row r="77" spans="1:54">
      <c r="A77" s="17" t="s">
        <v>150</v>
      </c>
      <c r="B77" s="26">
        <v>35</v>
      </c>
      <c r="C77" s="26">
        <v>35</v>
      </c>
      <c r="D77" s="26">
        <v>0</v>
      </c>
      <c r="E77" s="26">
        <v>0</v>
      </c>
      <c r="F77" s="26">
        <v>0</v>
      </c>
      <c r="G77" s="26">
        <v>0</v>
      </c>
      <c r="H77" s="26">
        <v>0</v>
      </c>
      <c r="I77" s="26">
        <v>0</v>
      </c>
      <c r="J77" s="26">
        <v>0</v>
      </c>
      <c r="K77" s="26">
        <v>0</v>
      </c>
      <c r="L77" s="26">
        <v>0</v>
      </c>
      <c r="M77" s="26">
        <v>0</v>
      </c>
      <c r="N77" s="26">
        <v>70</v>
      </c>
      <c r="O77" s="26">
        <v>41</v>
      </c>
      <c r="P77" s="26">
        <v>0</v>
      </c>
      <c r="Q77" s="26">
        <v>0</v>
      </c>
      <c r="R77" s="26">
        <v>29</v>
      </c>
      <c r="S77" s="26">
        <v>0</v>
      </c>
      <c r="T77" s="26">
        <v>70</v>
      </c>
      <c r="U77" s="29">
        <v>0.34615384615384615</v>
      </c>
      <c r="V77" s="15">
        <v>15</v>
      </c>
      <c r="W77" s="26">
        <v>41</v>
      </c>
      <c r="X77" s="26">
        <v>0</v>
      </c>
      <c r="Y77" s="26">
        <v>0</v>
      </c>
      <c r="Z77" s="26">
        <v>29</v>
      </c>
      <c r="AA77" s="26">
        <v>0</v>
      </c>
      <c r="AB77" s="27"/>
      <c r="AC77" s="26">
        <v>25</v>
      </c>
      <c r="AD77" s="26">
        <v>27</v>
      </c>
      <c r="AE77" s="26">
        <v>44</v>
      </c>
      <c r="AF77" s="26">
        <v>52</v>
      </c>
      <c r="AG77" s="26">
        <v>64</v>
      </c>
      <c r="AH77" s="26">
        <v>59</v>
      </c>
      <c r="AI77" s="26">
        <v>63</v>
      </c>
      <c r="AJ77" s="26">
        <v>62</v>
      </c>
      <c r="AK77" s="26">
        <v>51</v>
      </c>
      <c r="AL77" s="26">
        <v>70</v>
      </c>
      <c r="AM77" s="26">
        <v>58</v>
      </c>
      <c r="AN77" s="26">
        <v>42</v>
      </c>
      <c r="AO77" s="26">
        <v>617</v>
      </c>
      <c r="AP77" s="26">
        <v>29</v>
      </c>
      <c r="AQ77" s="26">
        <v>0</v>
      </c>
      <c r="AR77" s="26">
        <v>0</v>
      </c>
      <c r="AS77" s="26">
        <v>23</v>
      </c>
      <c r="AT77" s="26">
        <v>0</v>
      </c>
      <c r="AU77" s="26">
        <v>52</v>
      </c>
      <c r="AV77" s="29">
        <v>-0.1875</v>
      </c>
      <c r="AW77" s="15">
        <v>91</v>
      </c>
      <c r="AX77" s="26">
        <v>29</v>
      </c>
      <c r="AY77" s="26">
        <v>0</v>
      </c>
      <c r="AZ77" s="26">
        <v>0</v>
      </c>
      <c r="BA77" s="26">
        <v>23</v>
      </c>
      <c r="BB77" s="26">
        <v>0</v>
      </c>
    </row>
    <row r="78" spans="1:54">
      <c r="A78" s="16" t="s">
        <v>151</v>
      </c>
      <c r="B78" s="25">
        <v>452</v>
      </c>
      <c r="C78" s="25">
        <v>523</v>
      </c>
      <c r="D78" s="25">
        <v>0</v>
      </c>
      <c r="E78" s="25">
        <v>0</v>
      </c>
      <c r="F78" s="25">
        <v>0</v>
      </c>
      <c r="G78" s="25">
        <v>0</v>
      </c>
      <c r="H78" s="25">
        <v>0</v>
      </c>
      <c r="I78" s="25">
        <v>0</v>
      </c>
      <c r="J78" s="25">
        <v>0</v>
      </c>
      <c r="K78" s="25">
        <v>0</v>
      </c>
      <c r="L78" s="25">
        <v>0</v>
      </c>
      <c r="M78" s="25">
        <v>0</v>
      </c>
      <c r="N78" s="25">
        <v>975</v>
      </c>
      <c r="O78" s="25">
        <v>499</v>
      </c>
      <c r="P78" s="25">
        <v>0</v>
      </c>
      <c r="Q78" s="25">
        <v>0</v>
      </c>
      <c r="R78" s="25">
        <v>470</v>
      </c>
      <c r="S78" s="25">
        <v>0</v>
      </c>
      <c r="T78" s="25">
        <v>969</v>
      </c>
      <c r="U78" s="28">
        <v>7.2765072765072769E-3</v>
      </c>
      <c r="V78" s="24">
        <v>83</v>
      </c>
      <c r="W78" s="25">
        <v>502</v>
      </c>
      <c r="X78" s="25">
        <v>3</v>
      </c>
      <c r="Y78" s="25">
        <v>0</v>
      </c>
      <c r="Z78" s="25">
        <v>470</v>
      </c>
      <c r="AA78" s="25">
        <v>0</v>
      </c>
      <c r="AB78" s="27"/>
      <c r="AC78" s="25">
        <v>486</v>
      </c>
      <c r="AD78" s="25">
        <v>482</v>
      </c>
      <c r="AE78" s="25">
        <v>670</v>
      </c>
      <c r="AF78" s="25">
        <v>565</v>
      </c>
      <c r="AG78" s="25">
        <v>569</v>
      </c>
      <c r="AH78" s="25">
        <v>553</v>
      </c>
      <c r="AI78" s="25">
        <v>518</v>
      </c>
      <c r="AJ78" s="25">
        <v>618</v>
      </c>
      <c r="AK78" s="25">
        <v>570</v>
      </c>
      <c r="AL78" s="25">
        <v>535</v>
      </c>
      <c r="AM78" s="25">
        <v>551</v>
      </c>
      <c r="AN78" s="25">
        <v>499</v>
      </c>
      <c r="AO78" s="25">
        <v>6616</v>
      </c>
      <c r="AP78" s="25">
        <v>509</v>
      </c>
      <c r="AQ78" s="25">
        <v>1</v>
      </c>
      <c r="AR78" s="25">
        <v>0</v>
      </c>
      <c r="AS78" s="25">
        <v>452</v>
      </c>
      <c r="AT78" s="25">
        <v>0</v>
      </c>
      <c r="AU78" s="25">
        <v>962</v>
      </c>
      <c r="AV78" s="28">
        <v>9.5671981776765377E-2</v>
      </c>
      <c r="AW78" s="24">
        <v>67</v>
      </c>
      <c r="AX78" s="25">
        <v>513</v>
      </c>
      <c r="AY78" s="25">
        <v>3</v>
      </c>
      <c r="AZ78" s="25">
        <v>0</v>
      </c>
      <c r="BA78" s="25">
        <v>452</v>
      </c>
      <c r="BB78" s="25">
        <v>0</v>
      </c>
    </row>
    <row r="79" spans="1:54">
      <c r="A79" s="17" t="s">
        <v>152</v>
      </c>
      <c r="B79" s="26">
        <v>325</v>
      </c>
      <c r="C79" s="26">
        <v>358</v>
      </c>
      <c r="D79" s="26">
        <v>0</v>
      </c>
      <c r="E79" s="26">
        <v>0</v>
      </c>
      <c r="F79" s="26">
        <v>0</v>
      </c>
      <c r="G79" s="26">
        <v>0</v>
      </c>
      <c r="H79" s="26">
        <v>0</v>
      </c>
      <c r="I79" s="26">
        <v>0</v>
      </c>
      <c r="J79" s="26">
        <v>0</v>
      </c>
      <c r="K79" s="26">
        <v>0</v>
      </c>
      <c r="L79" s="26">
        <v>0</v>
      </c>
      <c r="M79" s="26">
        <v>0</v>
      </c>
      <c r="N79" s="26">
        <v>683</v>
      </c>
      <c r="O79" s="26">
        <v>327</v>
      </c>
      <c r="P79" s="26">
        <v>3</v>
      </c>
      <c r="Q79" s="26">
        <v>0</v>
      </c>
      <c r="R79" s="26">
        <v>331</v>
      </c>
      <c r="S79" s="26">
        <v>0</v>
      </c>
      <c r="T79" s="26">
        <v>661</v>
      </c>
      <c r="U79" s="29">
        <v>-2.7941176470588237E-2</v>
      </c>
      <c r="V79" s="15">
        <v>87</v>
      </c>
      <c r="W79" s="26">
        <v>339</v>
      </c>
      <c r="X79" s="26">
        <v>13</v>
      </c>
      <c r="Y79" s="26">
        <v>0</v>
      </c>
      <c r="Z79" s="26">
        <v>331</v>
      </c>
      <c r="AA79" s="26">
        <v>0</v>
      </c>
      <c r="AB79" s="27"/>
      <c r="AC79" s="26">
        <v>317</v>
      </c>
      <c r="AD79" s="26">
        <v>379</v>
      </c>
      <c r="AE79" s="26">
        <v>445</v>
      </c>
      <c r="AF79" s="26">
        <v>399</v>
      </c>
      <c r="AG79" s="26">
        <v>368</v>
      </c>
      <c r="AH79" s="26">
        <v>411</v>
      </c>
      <c r="AI79" s="26">
        <v>390</v>
      </c>
      <c r="AJ79" s="26">
        <v>450</v>
      </c>
      <c r="AK79" s="26">
        <v>418</v>
      </c>
      <c r="AL79" s="26">
        <v>396</v>
      </c>
      <c r="AM79" s="26">
        <v>411</v>
      </c>
      <c r="AN79" s="26">
        <v>353</v>
      </c>
      <c r="AO79" s="26">
        <v>4737</v>
      </c>
      <c r="AP79" s="26">
        <v>311</v>
      </c>
      <c r="AQ79" s="26">
        <v>5</v>
      </c>
      <c r="AR79" s="26">
        <v>0</v>
      </c>
      <c r="AS79" s="26">
        <v>364</v>
      </c>
      <c r="AT79" s="26">
        <v>0</v>
      </c>
      <c r="AU79" s="26">
        <v>680</v>
      </c>
      <c r="AV79" s="29">
        <v>0.16438356164383561</v>
      </c>
      <c r="AW79" s="15">
        <v>51</v>
      </c>
      <c r="AX79" s="26">
        <v>318</v>
      </c>
      <c r="AY79" s="26">
        <v>14</v>
      </c>
      <c r="AZ79" s="26">
        <v>0</v>
      </c>
      <c r="BA79" s="26">
        <v>364</v>
      </c>
      <c r="BB79" s="26">
        <v>0</v>
      </c>
    </row>
    <row r="80" spans="1:54">
      <c r="A80" s="16" t="s">
        <v>153</v>
      </c>
      <c r="B80" s="25">
        <v>536</v>
      </c>
      <c r="C80" s="25">
        <v>608</v>
      </c>
      <c r="D80" s="25">
        <v>0</v>
      </c>
      <c r="E80" s="25">
        <v>0</v>
      </c>
      <c r="F80" s="25">
        <v>0</v>
      </c>
      <c r="G80" s="25">
        <v>0</v>
      </c>
      <c r="H80" s="25">
        <v>0</v>
      </c>
      <c r="I80" s="25">
        <v>0</v>
      </c>
      <c r="J80" s="25">
        <v>0</v>
      </c>
      <c r="K80" s="25">
        <v>0</v>
      </c>
      <c r="L80" s="25">
        <v>0</v>
      </c>
      <c r="M80" s="25">
        <v>0</v>
      </c>
      <c r="N80" s="25">
        <v>1144</v>
      </c>
      <c r="O80" s="25">
        <v>272</v>
      </c>
      <c r="P80" s="25">
        <v>1</v>
      </c>
      <c r="Q80" s="25">
        <v>0</v>
      </c>
      <c r="R80" s="25">
        <v>867</v>
      </c>
      <c r="S80" s="25">
        <v>0</v>
      </c>
      <c r="T80" s="25">
        <v>1140</v>
      </c>
      <c r="U80" s="28">
        <v>-8.7269815852682148E-2</v>
      </c>
      <c r="V80" s="24">
        <v>92</v>
      </c>
      <c r="W80" s="25">
        <v>272</v>
      </c>
      <c r="X80" s="25">
        <v>5</v>
      </c>
      <c r="Y80" s="25">
        <v>0</v>
      </c>
      <c r="Z80" s="25">
        <v>867</v>
      </c>
      <c r="AA80" s="25">
        <v>0</v>
      </c>
      <c r="AB80" s="27"/>
      <c r="AC80" s="25">
        <v>640</v>
      </c>
      <c r="AD80" s="25">
        <v>612</v>
      </c>
      <c r="AE80" s="25">
        <v>751</v>
      </c>
      <c r="AF80" s="25">
        <v>598</v>
      </c>
      <c r="AG80" s="25">
        <v>625</v>
      </c>
      <c r="AH80" s="25">
        <v>736</v>
      </c>
      <c r="AI80" s="25">
        <v>670</v>
      </c>
      <c r="AJ80" s="25">
        <v>770</v>
      </c>
      <c r="AK80" s="25">
        <v>687</v>
      </c>
      <c r="AL80" s="25">
        <v>676</v>
      </c>
      <c r="AM80" s="25">
        <v>619</v>
      </c>
      <c r="AN80" s="25">
        <v>598</v>
      </c>
      <c r="AO80" s="25">
        <v>7982</v>
      </c>
      <c r="AP80" s="25">
        <v>241</v>
      </c>
      <c r="AQ80" s="25">
        <v>1</v>
      </c>
      <c r="AR80" s="25">
        <v>0</v>
      </c>
      <c r="AS80" s="25">
        <v>1007</v>
      </c>
      <c r="AT80" s="25">
        <v>0</v>
      </c>
      <c r="AU80" s="25">
        <v>1249</v>
      </c>
      <c r="AV80" s="28">
        <v>0.42742857142857144</v>
      </c>
      <c r="AW80" s="24">
        <v>6</v>
      </c>
      <c r="AX80" s="25">
        <v>243</v>
      </c>
      <c r="AY80" s="25">
        <v>2</v>
      </c>
      <c r="AZ80" s="25">
        <v>0</v>
      </c>
      <c r="BA80" s="25">
        <v>1007</v>
      </c>
      <c r="BB80" s="25">
        <v>0</v>
      </c>
    </row>
    <row r="81" spans="1:54">
      <c r="A81" s="17" t="s">
        <v>154</v>
      </c>
      <c r="B81" s="26">
        <v>358</v>
      </c>
      <c r="C81" s="26">
        <v>387</v>
      </c>
      <c r="D81" s="26">
        <v>0</v>
      </c>
      <c r="E81" s="26">
        <v>0</v>
      </c>
      <c r="F81" s="26">
        <v>0</v>
      </c>
      <c r="G81" s="26">
        <v>0</v>
      </c>
      <c r="H81" s="26">
        <v>0</v>
      </c>
      <c r="I81" s="26">
        <v>0</v>
      </c>
      <c r="J81" s="26">
        <v>0</v>
      </c>
      <c r="K81" s="26">
        <v>0</v>
      </c>
      <c r="L81" s="26">
        <v>0</v>
      </c>
      <c r="M81" s="26">
        <v>0</v>
      </c>
      <c r="N81" s="26">
        <v>745</v>
      </c>
      <c r="O81" s="26">
        <v>356</v>
      </c>
      <c r="P81" s="26">
        <v>1</v>
      </c>
      <c r="Q81" s="26">
        <v>0</v>
      </c>
      <c r="R81" s="26">
        <v>353</v>
      </c>
      <c r="S81" s="26">
        <v>0</v>
      </c>
      <c r="T81" s="26">
        <v>710</v>
      </c>
      <c r="U81" s="29">
        <v>0.17355371900826447</v>
      </c>
      <c r="V81" s="15">
        <v>52</v>
      </c>
      <c r="W81" s="26">
        <v>375</v>
      </c>
      <c r="X81" s="26">
        <v>17</v>
      </c>
      <c r="Y81" s="26">
        <v>0</v>
      </c>
      <c r="Z81" s="26">
        <v>353</v>
      </c>
      <c r="AA81" s="26">
        <v>0</v>
      </c>
      <c r="AB81" s="27"/>
      <c r="AC81" s="26">
        <v>313</v>
      </c>
      <c r="AD81" s="26">
        <v>320</v>
      </c>
      <c r="AE81" s="26">
        <v>380</v>
      </c>
      <c r="AF81" s="26">
        <v>318</v>
      </c>
      <c r="AG81" s="26">
        <v>333</v>
      </c>
      <c r="AH81" s="26">
        <v>353</v>
      </c>
      <c r="AI81" s="26">
        <v>355</v>
      </c>
      <c r="AJ81" s="26">
        <v>386</v>
      </c>
      <c r="AK81" s="26">
        <v>413</v>
      </c>
      <c r="AL81" s="26">
        <v>373</v>
      </c>
      <c r="AM81" s="26">
        <v>342</v>
      </c>
      <c r="AN81" s="26">
        <v>377</v>
      </c>
      <c r="AO81" s="26">
        <v>4263</v>
      </c>
      <c r="AP81" s="26">
        <v>247</v>
      </c>
      <c r="AQ81" s="26">
        <v>1</v>
      </c>
      <c r="AR81" s="26">
        <v>1</v>
      </c>
      <c r="AS81" s="26">
        <v>356</v>
      </c>
      <c r="AT81" s="26">
        <v>0</v>
      </c>
      <c r="AU81" s="26">
        <v>605</v>
      </c>
      <c r="AV81" s="29">
        <v>0.33259911894273125</v>
      </c>
      <c r="AW81" s="15">
        <v>16</v>
      </c>
      <c r="AX81" s="26">
        <v>264</v>
      </c>
      <c r="AY81" s="26">
        <v>10</v>
      </c>
      <c r="AZ81" s="26">
        <v>3</v>
      </c>
      <c r="BA81" s="26">
        <v>356</v>
      </c>
      <c r="BB81" s="26">
        <v>0</v>
      </c>
    </row>
    <row r="82" spans="1:54">
      <c r="A82" s="16" t="s">
        <v>155</v>
      </c>
      <c r="B82" s="25">
        <v>763</v>
      </c>
      <c r="C82" s="25">
        <v>794</v>
      </c>
      <c r="D82" s="25">
        <v>0</v>
      </c>
      <c r="E82" s="25">
        <v>0</v>
      </c>
      <c r="F82" s="25">
        <v>0</v>
      </c>
      <c r="G82" s="25">
        <v>0</v>
      </c>
      <c r="H82" s="25">
        <v>0</v>
      </c>
      <c r="I82" s="25">
        <v>0</v>
      </c>
      <c r="J82" s="25">
        <v>0</v>
      </c>
      <c r="K82" s="25">
        <v>0</v>
      </c>
      <c r="L82" s="25">
        <v>0</v>
      </c>
      <c r="M82" s="25">
        <v>0</v>
      </c>
      <c r="N82" s="25">
        <v>1557</v>
      </c>
      <c r="O82" s="25">
        <v>749</v>
      </c>
      <c r="P82" s="25">
        <v>3</v>
      </c>
      <c r="Q82" s="25">
        <v>0</v>
      </c>
      <c r="R82" s="25">
        <v>699</v>
      </c>
      <c r="S82" s="25">
        <v>0</v>
      </c>
      <c r="T82" s="25">
        <v>1451</v>
      </c>
      <c r="U82" s="28">
        <v>0.3925143953934741</v>
      </c>
      <c r="V82" s="24">
        <v>11</v>
      </c>
      <c r="W82" s="25">
        <v>785</v>
      </c>
      <c r="X82" s="25">
        <v>71</v>
      </c>
      <c r="Y82" s="25">
        <v>0</v>
      </c>
      <c r="Z82" s="25">
        <v>701</v>
      </c>
      <c r="AA82" s="25">
        <v>0</v>
      </c>
      <c r="AB82" s="27"/>
      <c r="AC82" s="25">
        <v>552</v>
      </c>
      <c r="AD82" s="25">
        <v>535</v>
      </c>
      <c r="AE82" s="25">
        <v>689</v>
      </c>
      <c r="AF82" s="25">
        <v>657</v>
      </c>
      <c r="AG82" s="25">
        <v>659</v>
      </c>
      <c r="AH82" s="25">
        <v>717</v>
      </c>
      <c r="AI82" s="25">
        <v>649</v>
      </c>
      <c r="AJ82" s="25">
        <v>753</v>
      </c>
      <c r="AK82" s="25">
        <v>789</v>
      </c>
      <c r="AL82" s="25">
        <v>719</v>
      </c>
      <c r="AM82" s="25">
        <v>754</v>
      </c>
      <c r="AN82" s="25">
        <v>783</v>
      </c>
      <c r="AO82" s="25">
        <v>8256</v>
      </c>
      <c r="AP82" s="25">
        <v>482</v>
      </c>
      <c r="AQ82" s="25">
        <v>2</v>
      </c>
      <c r="AR82" s="25">
        <v>0</v>
      </c>
      <c r="AS82" s="25">
        <v>558</v>
      </c>
      <c r="AT82" s="25">
        <v>0</v>
      </c>
      <c r="AU82" s="25">
        <v>1042</v>
      </c>
      <c r="AV82" s="28">
        <v>0.29440993788819875</v>
      </c>
      <c r="AW82" s="24">
        <v>24</v>
      </c>
      <c r="AX82" s="25">
        <v>500</v>
      </c>
      <c r="AY82" s="25">
        <v>28</v>
      </c>
      <c r="AZ82" s="25">
        <v>0</v>
      </c>
      <c r="BA82" s="25">
        <v>559</v>
      </c>
      <c r="BB82" s="25">
        <v>0</v>
      </c>
    </row>
    <row r="83" spans="1:54">
      <c r="A83" s="17" t="s">
        <v>156</v>
      </c>
      <c r="B83" s="26">
        <v>540</v>
      </c>
      <c r="C83" s="26">
        <v>736</v>
      </c>
      <c r="D83" s="26">
        <v>0</v>
      </c>
      <c r="E83" s="26">
        <v>0</v>
      </c>
      <c r="F83" s="26">
        <v>0</v>
      </c>
      <c r="G83" s="26">
        <v>0</v>
      </c>
      <c r="H83" s="26">
        <v>0</v>
      </c>
      <c r="I83" s="26">
        <v>0</v>
      </c>
      <c r="J83" s="26">
        <v>0</v>
      </c>
      <c r="K83" s="26">
        <v>0</v>
      </c>
      <c r="L83" s="26">
        <v>0</v>
      </c>
      <c r="M83" s="26">
        <v>0</v>
      </c>
      <c r="N83" s="26">
        <v>1276</v>
      </c>
      <c r="O83" s="26">
        <v>561</v>
      </c>
      <c r="P83" s="26">
        <v>5</v>
      </c>
      <c r="Q83" s="26">
        <v>0</v>
      </c>
      <c r="R83" s="26">
        <v>503</v>
      </c>
      <c r="S83" s="26">
        <v>0</v>
      </c>
      <c r="T83" s="26">
        <v>1069</v>
      </c>
      <c r="U83" s="29">
        <v>0.29418886198547217</v>
      </c>
      <c r="V83" s="15">
        <v>26</v>
      </c>
      <c r="W83" s="26">
        <v>578</v>
      </c>
      <c r="X83" s="26">
        <v>192</v>
      </c>
      <c r="Y83" s="26">
        <v>0</v>
      </c>
      <c r="Z83" s="26">
        <v>505</v>
      </c>
      <c r="AA83" s="26">
        <v>1</v>
      </c>
      <c r="AB83" s="27"/>
      <c r="AC83" s="26">
        <v>460</v>
      </c>
      <c r="AD83" s="26">
        <v>509</v>
      </c>
      <c r="AE83" s="26">
        <v>743</v>
      </c>
      <c r="AF83" s="26">
        <v>527</v>
      </c>
      <c r="AG83" s="26">
        <v>873</v>
      </c>
      <c r="AH83" s="26">
        <v>673</v>
      </c>
      <c r="AI83" s="26">
        <v>607</v>
      </c>
      <c r="AJ83" s="26">
        <v>602</v>
      </c>
      <c r="AK83" s="26">
        <v>594</v>
      </c>
      <c r="AL83" s="26">
        <v>633</v>
      </c>
      <c r="AM83" s="26">
        <v>616</v>
      </c>
      <c r="AN83" s="26">
        <v>619</v>
      </c>
      <c r="AO83" s="26">
        <v>7456</v>
      </c>
      <c r="AP83" s="26">
        <v>329</v>
      </c>
      <c r="AQ83" s="26">
        <v>4</v>
      </c>
      <c r="AR83" s="26">
        <v>0</v>
      </c>
      <c r="AS83" s="26">
        <v>493</v>
      </c>
      <c r="AT83" s="26">
        <v>0</v>
      </c>
      <c r="AU83" s="26">
        <v>826</v>
      </c>
      <c r="AV83" s="29">
        <v>0.37896494156928212</v>
      </c>
      <c r="AW83" s="15">
        <v>14</v>
      </c>
      <c r="AX83" s="26">
        <v>349</v>
      </c>
      <c r="AY83" s="26">
        <v>126</v>
      </c>
      <c r="AZ83" s="26">
        <v>0</v>
      </c>
      <c r="BA83" s="26">
        <v>494</v>
      </c>
      <c r="BB83" s="26">
        <v>0</v>
      </c>
    </row>
    <row r="84" spans="1:54">
      <c r="A84" s="16" t="s">
        <v>157</v>
      </c>
      <c r="B84" s="25">
        <v>404</v>
      </c>
      <c r="C84" s="25">
        <v>476</v>
      </c>
      <c r="D84" s="25">
        <v>0</v>
      </c>
      <c r="E84" s="25">
        <v>0</v>
      </c>
      <c r="F84" s="25">
        <v>0</v>
      </c>
      <c r="G84" s="25">
        <v>0</v>
      </c>
      <c r="H84" s="25">
        <v>0</v>
      </c>
      <c r="I84" s="25">
        <v>0</v>
      </c>
      <c r="J84" s="25">
        <v>0</v>
      </c>
      <c r="K84" s="25">
        <v>0</v>
      </c>
      <c r="L84" s="25">
        <v>0</v>
      </c>
      <c r="M84" s="25">
        <v>0</v>
      </c>
      <c r="N84" s="25">
        <v>880</v>
      </c>
      <c r="O84" s="25">
        <v>499</v>
      </c>
      <c r="P84" s="25">
        <v>3</v>
      </c>
      <c r="Q84" s="25">
        <v>0</v>
      </c>
      <c r="R84" s="25">
        <v>343</v>
      </c>
      <c r="S84" s="25">
        <v>0</v>
      </c>
      <c r="T84" s="25">
        <v>845</v>
      </c>
      <c r="U84" s="28">
        <v>0.46956521739130436</v>
      </c>
      <c r="V84" s="24">
        <v>3</v>
      </c>
      <c r="W84" s="25">
        <v>514</v>
      </c>
      <c r="X84" s="25">
        <v>23</v>
      </c>
      <c r="Y84" s="25">
        <v>0</v>
      </c>
      <c r="Z84" s="25">
        <v>343</v>
      </c>
      <c r="AA84" s="25">
        <v>0</v>
      </c>
      <c r="AB84" s="27"/>
      <c r="AC84" s="25">
        <v>299</v>
      </c>
      <c r="AD84" s="25">
        <v>303</v>
      </c>
      <c r="AE84" s="25">
        <v>453</v>
      </c>
      <c r="AF84" s="25">
        <v>459</v>
      </c>
      <c r="AG84" s="25">
        <v>376</v>
      </c>
      <c r="AH84" s="25">
        <v>440</v>
      </c>
      <c r="AI84" s="25">
        <v>422</v>
      </c>
      <c r="AJ84" s="25">
        <v>525</v>
      </c>
      <c r="AK84" s="25">
        <v>474</v>
      </c>
      <c r="AL84" s="25">
        <v>467</v>
      </c>
      <c r="AM84" s="25">
        <v>459</v>
      </c>
      <c r="AN84" s="25">
        <v>492</v>
      </c>
      <c r="AO84" s="25">
        <v>5169</v>
      </c>
      <c r="AP84" s="25">
        <v>304</v>
      </c>
      <c r="AQ84" s="25">
        <v>4</v>
      </c>
      <c r="AR84" s="25">
        <v>0</v>
      </c>
      <c r="AS84" s="25">
        <v>267</v>
      </c>
      <c r="AT84" s="25">
        <v>0</v>
      </c>
      <c r="AU84" s="25">
        <v>575</v>
      </c>
      <c r="AV84" s="28">
        <v>0.1036468330134357</v>
      </c>
      <c r="AW84" s="24">
        <v>66</v>
      </c>
      <c r="AX84" s="25">
        <v>317</v>
      </c>
      <c r="AY84" s="25">
        <v>17</v>
      </c>
      <c r="AZ84" s="25">
        <v>0</v>
      </c>
      <c r="BA84" s="25">
        <v>268</v>
      </c>
      <c r="BB84" s="25">
        <v>0</v>
      </c>
    </row>
    <row r="85" spans="1:54">
      <c r="A85" s="17" t="s">
        <v>158</v>
      </c>
      <c r="B85" s="26">
        <v>394</v>
      </c>
      <c r="C85" s="26">
        <v>433</v>
      </c>
      <c r="D85" s="26">
        <v>0</v>
      </c>
      <c r="E85" s="26">
        <v>0</v>
      </c>
      <c r="F85" s="26">
        <v>0</v>
      </c>
      <c r="G85" s="26">
        <v>0</v>
      </c>
      <c r="H85" s="26">
        <v>0</v>
      </c>
      <c r="I85" s="26">
        <v>0</v>
      </c>
      <c r="J85" s="26">
        <v>0</v>
      </c>
      <c r="K85" s="26">
        <v>0</v>
      </c>
      <c r="L85" s="26">
        <v>0</v>
      </c>
      <c r="M85" s="26">
        <v>0</v>
      </c>
      <c r="N85" s="26">
        <v>827</v>
      </c>
      <c r="O85" s="26">
        <v>459</v>
      </c>
      <c r="P85" s="26">
        <v>1</v>
      </c>
      <c r="Q85" s="26">
        <v>0</v>
      </c>
      <c r="R85" s="26">
        <v>361</v>
      </c>
      <c r="S85" s="26">
        <v>0</v>
      </c>
      <c r="T85" s="26">
        <v>821</v>
      </c>
      <c r="U85" s="29">
        <v>0.24772036474164133</v>
      </c>
      <c r="V85" s="15">
        <v>35</v>
      </c>
      <c r="W85" s="26">
        <v>462</v>
      </c>
      <c r="X85" s="26">
        <v>4</v>
      </c>
      <c r="Y85" s="26">
        <v>0</v>
      </c>
      <c r="Z85" s="26">
        <v>361</v>
      </c>
      <c r="AA85" s="26">
        <v>0</v>
      </c>
      <c r="AB85" s="27"/>
      <c r="AC85" s="26">
        <v>315</v>
      </c>
      <c r="AD85" s="26">
        <v>345</v>
      </c>
      <c r="AE85" s="26">
        <v>549</v>
      </c>
      <c r="AF85" s="26">
        <v>477</v>
      </c>
      <c r="AG85" s="26">
        <v>531</v>
      </c>
      <c r="AH85" s="26">
        <v>553</v>
      </c>
      <c r="AI85" s="26">
        <v>426</v>
      </c>
      <c r="AJ85" s="26">
        <v>596</v>
      </c>
      <c r="AK85" s="26">
        <v>583</v>
      </c>
      <c r="AL85" s="26">
        <v>552</v>
      </c>
      <c r="AM85" s="26">
        <v>556</v>
      </c>
      <c r="AN85" s="26">
        <v>472</v>
      </c>
      <c r="AO85" s="26">
        <v>5955</v>
      </c>
      <c r="AP85" s="26">
        <v>347</v>
      </c>
      <c r="AQ85" s="26">
        <v>0</v>
      </c>
      <c r="AR85" s="26">
        <v>0</v>
      </c>
      <c r="AS85" s="26">
        <v>311</v>
      </c>
      <c r="AT85" s="26">
        <v>0</v>
      </c>
      <c r="AU85" s="26">
        <v>658</v>
      </c>
      <c r="AV85" s="29">
        <v>6.4724919093851127E-2</v>
      </c>
      <c r="AW85" s="15">
        <v>73</v>
      </c>
      <c r="AX85" s="26">
        <v>348</v>
      </c>
      <c r="AY85" s="26">
        <v>1</v>
      </c>
      <c r="AZ85" s="26">
        <v>0</v>
      </c>
      <c r="BA85" s="26">
        <v>311</v>
      </c>
      <c r="BB85" s="26">
        <v>0</v>
      </c>
    </row>
    <row r="86" spans="1:54">
      <c r="A86" s="16" t="s">
        <v>162</v>
      </c>
      <c r="B86" s="25">
        <v>14</v>
      </c>
      <c r="C86" s="25">
        <v>26</v>
      </c>
      <c r="D86" s="25">
        <v>0</v>
      </c>
      <c r="E86" s="25">
        <v>0</v>
      </c>
      <c r="F86" s="25">
        <v>0</v>
      </c>
      <c r="G86" s="25">
        <v>0</v>
      </c>
      <c r="H86" s="25">
        <v>0</v>
      </c>
      <c r="I86" s="25">
        <v>0</v>
      </c>
      <c r="J86" s="25">
        <v>0</v>
      </c>
      <c r="K86" s="25">
        <v>0</v>
      </c>
      <c r="L86" s="25">
        <v>0</v>
      </c>
      <c r="M86" s="25">
        <v>0</v>
      </c>
      <c r="N86" s="25">
        <v>40</v>
      </c>
      <c r="O86" s="25">
        <v>32</v>
      </c>
      <c r="P86" s="25">
        <v>0</v>
      </c>
      <c r="Q86" s="25">
        <v>0</v>
      </c>
      <c r="R86" s="25">
        <v>8</v>
      </c>
      <c r="S86" s="25">
        <v>0</v>
      </c>
      <c r="T86" s="25">
        <v>40</v>
      </c>
      <c r="U86" s="28">
        <v>0.29032258064516131</v>
      </c>
      <c r="V86" s="24">
        <v>28</v>
      </c>
      <c r="W86" s="25">
        <v>32</v>
      </c>
      <c r="X86" s="25">
        <v>0</v>
      </c>
      <c r="Y86" s="25">
        <v>0</v>
      </c>
      <c r="Z86" s="25">
        <v>8</v>
      </c>
      <c r="AA86" s="25">
        <v>0</v>
      </c>
      <c r="AB86" s="27"/>
      <c r="AC86" s="25">
        <v>12</v>
      </c>
      <c r="AD86" s="25">
        <v>19</v>
      </c>
      <c r="AE86" s="25">
        <v>23</v>
      </c>
      <c r="AF86" s="25">
        <v>16</v>
      </c>
      <c r="AG86" s="25">
        <v>18</v>
      </c>
      <c r="AH86" s="25">
        <v>19</v>
      </c>
      <c r="AI86" s="25">
        <v>17</v>
      </c>
      <c r="AJ86" s="25">
        <v>17</v>
      </c>
      <c r="AK86" s="25">
        <v>16</v>
      </c>
      <c r="AL86" s="25">
        <v>15</v>
      </c>
      <c r="AM86" s="25">
        <v>18</v>
      </c>
      <c r="AN86" s="25">
        <v>16</v>
      </c>
      <c r="AO86" s="25">
        <v>206</v>
      </c>
      <c r="AP86" s="25">
        <v>23</v>
      </c>
      <c r="AQ86" s="25">
        <v>0</v>
      </c>
      <c r="AR86" s="25">
        <v>0</v>
      </c>
      <c r="AS86" s="25">
        <v>8</v>
      </c>
      <c r="AT86" s="25">
        <v>0</v>
      </c>
      <c r="AU86" s="25">
        <v>31</v>
      </c>
      <c r="AV86" s="28">
        <v>0.47619047619047616</v>
      </c>
      <c r="AW86" s="24">
        <v>5</v>
      </c>
      <c r="AX86" s="25">
        <v>23</v>
      </c>
      <c r="AY86" s="25">
        <v>0</v>
      </c>
      <c r="AZ86" s="25">
        <v>0</v>
      </c>
      <c r="BA86" s="25">
        <v>8</v>
      </c>
      <c r="BB86" s="25">
        <v>0</v>
      </c>
    </row>
    <row r="87" spans="1:54">
      <c r="A87" s="17" t="s">
        <v>161</v>
      </c>
      <c r="B87" s="26">
        <v>0</v>
      </c>
      <c r="C87" s="26">
        <v>1</v>
      </c>
      <c r="D87" s="26">
        <v>0</v>
      </c>
      <c r="E87" s="26">
        <v>0</v>
      </c>
      <c r="F87" s="26">
        <v>0</v>
      </c>
      <c r="G87" s="26">
        <v>0</v>
      </c>
      <c r="H87" s="26">
        <v>0</v>
      </c>
      <c r="I87" s="26">
        <v>0</v>
      </c>
      <c r="J87" s="26">
        <v>0</v>
      </c>
      <c r="K87" s="26">
        <v>0</v>
      </c>
      <c r="L87" s="26">
        <v>0</v>
      </c>
      <c r="M87" s="26">
        <v>0</v>
      </c>
      <c r="N87" s="26">
        <v>1</v>
      </c>
      <c r="O87" s="26">
        <v>0</v>
      </c>
      <c r="P87" s="26">
        <v>0</v>
      </c>
      <c r="Q87" s="26">
        <v>0</v>
      </c>
      <c r="R87" s="26">
        <v>1</v>
      </c>
      <c r="S87" s="26">
        <v>0</v>
      </c>
      <c r="T87" s="26">
        <v>1</v>
      </c>
      <c r="U87" s="29">
        <v>0</v>
      </c>
      <c r="V87" s="15">
        <v>84</v>
      </c>
      <c r="W87" s="26">
        <v>0</v>
      </c>
      <c r="X87" s="26">
        <v>0</v>
      </c>
      <c r="Y87" s="26">
        <v>0</v>
      </c>
      <c r="Z87" s="26">
        <v>1</v>
      </c>
      <c r="AA87" s="26">
        <v>0</v>
      </c>
      <c r="AB87" s="27"/>
      <c r="AC87" s="26">
        <v>1</v>
      </c>
      <c r="AD87" s="26">
        <v>0</v>
      </c>
      <c r="AE87" s="26">
        <v>0</v>
      </c>
      <c r="AF87" s="26">
        <v>0</v>
      </c>
      <c r="AG87" s="26">
        <v>0</v>
      </c>
      <c r="AH87" s="26">
        <v>1</v>
      </c>
      <c r="AI87" s="26">
        <v>1</v>
      </c>
      <c r="AJ87" s="26">
        <v>0</v>
      </c>
      <c r="AK87" s="26">
        <v>0</v>
      </c>
      <c r="AL87" s="26">
        <v>1</v>
      </c>
      <c r="AM87" s="26">
        <v>0</v>
      </c>
      <c r="AN87" s="26">
        <v>0</v>
      </c>
      <c r="AO87" s="26">
        <v>4</v>
      </c>
      <c r="AP87" s="26">
        <v>0</v>
      </c>
      <c r="AQ87" s="26">
        <v>0</v>
      </c>
      <c r="AR87" s="26">
        <v>0</v>
      </c>
      <c r="AS87" s="26">
        <v>1</v>
      </c>
      <c r="AT87" s="26">
        <v>0</v>
      </c>
      <c r="AU87" s="26">
        <v>1</v>
      </c>
      <c r="AV87" s="29">
        <v>0</v>
      </c>
      <c r="AW87" s="15">
        <v>84</v>
      </c>
      <c r="AX87" s="26">
        <v>0</v>
      </c>
      <c r="AY87" s="26">
        <v>0</v>
      </c>
      <c r="AZ87" s="26">
        <v>0</v>
      </c>
      <c r="BA87" s="26">
        <v>1</v>
      </c>
      <c r="BB87" s="26">
        <v>0</v>
      </c>
    </row>
    <row r="88" spans="1:54">
      <c r="A88" s="16" t="s">
        <v>159</v>
      </c>
      <c r="B88" s="25">
        <v>783</v>
      </c>
      <c r="C88" s="25">
        <v>866</v>
      </c>
      <c r="D88" s="25">
        <v>0</v>
      </c>
      <c r="E88" s="25">
        <v>0</v>
      </c>
      <c r="F88" s="25">
        <v>0</v>
      </c>
      <c r="G88" s="25">
        <v>0</v>
      </c>
      <c r="H88" s="25">
        <v>0</v>
      </c>
      <c r="I88" s="25">
        <v>0</v>
      </c>
      <c r="J88" s="25">
        <v>0</v>
      </c>
      <c r="K88" s="25">
        <v>0</v>
      </c>
      <c r="L88" s="25">
        <v>0</v>
      </c>
      <c r="M88" s="25">
        <v>0</v>
      </c>
      <c r="N88" s="25">
        <v>1649</v>
      </c>
      <c r="O88" s="25">
        <v>864</v>
      </c>
      <c r="P88" s="25">
        <v>3</v>
      </c>
      <c r="Q88" s="25">
        <v>0</v>
      </c>
      <c r="R88" s="25">
        <v>769</v>
      </c>
      <c r="S88" s="25">
        <v>0</v>
      </c>
      <c r="T88" s="25">
        <v>1636</v>
      </c>
      <c r="U88" s="28">
        <v>0.12439862542955327</v>
      </c>
      <c r="V88" s="24">
        <v>64</v>
      </c>
      <c r="W88" s="25">
        <v>873</v>
      </c>
      <c r="X88" s="25">
        <v>6</v>
      </c>
      <c r="Y88" s="25">
        <v>0</v>
      </c>
      <c r="Z88" s="25">
        <v>770</v>
      </c>
      <c r="AA88" s="25">
        <v>0</v>
      </c>
      <c r="AB88" s="27"/>
      <c r="AC88" s="25">
        <v>680</v>
      </c>
      <c r="AD88" s="25">
        <v>789</v>
      </c>
      <c r="AE88" s="25">
        <v>997</v>
      </c>
      <c r="AF88" s="25">
        <v>879</v>
      </c>
      <c r="AG88" s="25">
        <v>884</v>
      </c>
      <c r="AH88" s="25">
        <v>805</v>
      </c>
      <c r="AI88" s="25">
        <v>717</v>
      </c>
      <c r="AJ88" s="25">
        <v>846</v>
      </c>
      <c r="AK88" s="25">
        <v>879</v>
      </c>
      <c r="AL88" s="25">
        <v>859</v>
      </c>
      <c r="AM88" s="25">
        <v>817</v>
      </c>
      <c r="AN88" s="25">
        <v>817</v>
      </c>
      <c r="AO88" s="25">
        <v>9969</v>
      </c>
      <c r="AP88" s="25">
        <v>740</v>
      </c>
      <c r="AQ88" s="25">
        <v>0</v>
      </c>
      <c r="AR88" s="25">
        <v>0</v>
      </c>
      <c r="AS88" s="25">
        <v>715</v>
      </c>
      <c r="AT88" s="25">
        <v>0</v>
      </c>
      <c r="AU88" s="25">
        <v>1455</v>
      </c>
      <c r="AV88" s="28">
        <v>0.3324175824175824</v>
      </c>
      <c r="AW88" s="24">
        <v>17</v>
      </c>
      <c r="AX88" s="25">
        <v>749</v>
      </c>
      <c r="AY88" s="25">
        <v>5</v>
      </c>
      <c r="AZ88" s="25">
        <v>0</v>
      </c>
      <c r="BA88" s="25">
        <v>715</v>
      </c>
      <c r="BB88" s="25">
        <v>0</v>
      </c>
    </row>
    <row r="89" spans="1:54">
      <c r="A89" s="17" t="s">
        <v>160</v>
      </c>
      <c r="B89" s="26">
        <v>207</v>
      </c>
      <c r="C89" s="26">
        <v>234</v>
      </c>
      <c r="D89" s="26">
        <v>0</v>
      </c>
      <c r="E89" s="26">
        <v>0</v>
      </c>
      <c r="F89" s="26">
        <v>0</v>
      </c>
      <c r="G89" s="26">
        <v>0</v>
      </c>
      <c r="H89" s="26">
        <v>0</v>
      </c>
      <c r="I89" s="26">
        <v>0</v>
      </c>
      <c r="J89" s="26">
        <v>0</v>
      </c>
      <c r="K89" s="26">
        <v>0</v>
      </c>
      <c r="L89" s="26">
        <v>0</v>
      </c>
      <c r="M89" s="26">
        <v>0</v>
      </c>
      <c r="N89" s="26">
        <v>441</v>
      </c>
      <c r="O89" s="26">
        <v>262</v>
      </c>
      <c r="P89" s="26">
        <v>1</v>
      </c>
      <c r="Q89" s="26">
        <v>0</v>
      </c>
      <c r="R89" s="26">
        <v>176</v>
      </c>
      <c r="S89" s="26">
        <v>0</v>
      </c>
      <c r="T89" s="26">
        <v>439</v>
      </c>
      <c r="U89" s="29">
        <v>-6.1965811965811968E-2</v>
      </c>
      <c r="V89" s="15">
        <v>90</v>
      </c>
      <c r="W89" s="26">
        <v>264</v>
      </c>
      <c r="X89" s="26">
        <v>1</v>
      </c>
      <c r="Y89" s="26">
        <v>0</v>
      </c>
      <c r="Z89" s="26">
        <v>176</v>
      </c>
      <c r="AA89" s="26">
        <v>0</v>
      </c>
      <c r="AB89" s="27"/>
      <c r="AC89" s="26">
        <v>236</v>
      </c>
      <c r="AD89" s="26">
        <v>237</v>
      </c>
      <c r="AE89" s="26">
        <v>287</v>
      </c>
      <c r="AF89" s="26">
        <v>253</v>
      </c>
      <c r="AG89" s="26">
        <v>227</v>
      </c>
      <c r="AH89" s="26">
        <v>232</v>
      </c>
      <c r="AI89" s="26">
        <v>241</v>
      </c>
      <c r="AJ89" s="26">
        <v>223</v>
      </c>
      <c r="AK89" s="26">
        <v>242</v>
      </c>
      <c r="AL89" s="26">
        <v>237</v>
      </c>
      <c r="AM89" s="26">
        <v>254</v>
      </c>
      <c r="AN89" s="26">
        <v>218</v>
      </c>
      <c r="AO89" s="26">
        <v>2887</v>
      </c>
      <c r="AP89" s="26">
        <v>238</v>
      </c>
      <c r="AQ89" s="26">
        <v>1</v>
      </c>
      <c r="AR89" s="26">
        <v>0</v>
      </c>
      <c r="AS89" s="26">
        <v>229</v>
      </c>
      <c r="AT89" s="26">
        <v>0</v>
      </c>
      <c r="AU89" s="26">
        <v>468</v>
      </c>
      <c r="AV89" s="29">
        <v>0.38872403560830859</v>
      </c>
      <c r="AW89" s="15">
        <v>11</v>
      </c>
      <c r="AX89" s="26">
        <v>241</v>
      </c>
      <c r="AY89" s="26">
        <v>2</v>
      </c>
      <c r="AZ89" s="26">
        <v>0</v>
      </c>
      <c r="BA89" s="26">
        <v>230</v>
      </c>
      <c r="BB89" s="26">
        <v>0</v>
      </c>
    </row>
    <row r="90" spans="1:54">
      <c r="A90" s="16" t="s">
        <v>163</v>
      </c>
      <c r="B90" s="25">
        <v>125</v>
      </c>
      <c r="C90" s="25">
        <v>157</v>
      </c>
      <c r="D90" s="25">
        <v>0</v>
      </c>
      <c r="E90" s="25">
        <v>0</v>
      </c>
      <c r="F90" s="25">
        <v>0</v>
      </c>
      <c r="G90" s="25">
        <v>0</v>
      </c>
      <c r="H90" s="25">
        <v>0</v>
      </c>
      <c r="I90" s="25">
        <v>0</v>
      </c>
      <c r="J90" s="25">
        <v>0</v>
      </c>
      <c r="K90" s="25">
        <v>0</v>
      </c>
      <c r="L90" s="25">
        <v>0</v>
      </c>
      <c r="M90" s="25">
        <v>0</v>
      </c>
      <c r="N90" s="25">
        <v>282</v>
      </c>
      <c r="O90" s="25">
        <v>220</v>
      </c>
      <c r="P90" s="25">
        <v>1</v>
      </c>
      <c r="Q90" s="25">
        <v>0</v>
      </c>
      <c r="R90" s="25">
        <v>55</v>
      </c>
      <c r="S90" s="25">
        <v>0</v>
      </c>
      <c r="T90" s="25">
        <v>276</v>
      </c>
      <c r="U90" s="28">
        <v>0.46031746031746029</v>
      </c>
      <c r="V90" s="24">
        <v>5</v>
      </c>
      <c r="W90" s="25">
        <v>224</v>
      </c>
      <c r="X90" s="25">
        <v>1</v>
      </c>
      <c r="Y90" s="25">
        <v>0</v>
      </c>
      <c r="Z90" s="25">
        <v>55</v>
      </c>
      <c r="AA90" s="25">
        <v>2</v>
      </c>
      <c r="AB90" s="27"/>
      <c r="AC90" s="25">
        <v>97</v>
      </c>
      <c r="AD90" s="25">
        <v>96</v>
      </c>
      <c r="AE90" s="25">
        <v>178</v>
      </c>
      <c r="AF90" s="25">
        <v>158</v>
      </c>
      <c r="AG90" s="25">
        <v>134</v>
      </c>
      <c r="AH90" s="25">
        <v>125</v>
      </c>
      <c r="AI90" s="25">
        <v>140</v>
      </c>
      <c r="AJ90" s="25">
        <v>166</v>
      </c>
      <c r="AK90" s="25">
        <v>145</v>
      </c>
      <c r="AL90" s="25">
        <v>151</v>
      </c>
      <c r="AM90" s="25">
        <v>141</v>
      </c>
      <c r="AN90" s="25">
        <v>164</v>
      </c>
      <c r="AO90" s="25">
        <v>1695</v>
      </c>
      <c r="AP90" s="25">
        <v>136</v>
      </c>
      <c r="AQ90" s="25">
        <v>0</v>
      </c>
      <c r="AR90" s="25">
        <v>0</v>
      </c>
      <c r="AS90" s="25">
        <v>53</v>
      </c>
      <c r="AT90" s="25">
        <v>0</v>
      </c>
      <c r="AU90" s="25">
        <v>189</v>
      </c>
      <c r="AV90" s="28">
        <v>0.16666666666666666</v>
      </c>
      <c r="AW90" s="24">
        <v>47</v>
      </c>
      <c r="AX90" s="25">
        <v>140</v>
      </c>
      <c r="AY90" s="25">
        <v>0</v>
      </c>
      <c r="AZ90" s="25">
        <v>0</v>
      </c>
      <c r="BA90" s="25">
        <v>53</v>
      </c>
      <c r="BB90" s="25">
        <v>0</v>
      </c>
    </row>
    <row r="91" spans="1:54">
      <c r="A91" s="17" t="s">
        <v>164</v>
      </c>
      <c r="B91" s="26">
        <v>401</v>
      </c>
      <c r="C91" s="26">
        <v>475</v>
      </c>
      <c r="D91" s="26">
        <v>0</v>
      </c>
      <c r="E91" s="26">
        <v>0</v>
      </c>
      <c r="F91" s="26">
        <v>0</v>
      </c>
      <c r="G91" s="26">
        <v>0</v>
      </c>
      <c r="H91" s="26">
        <v>0</v>
      </c>
      <c r="I91" s="26">
        <v>0</v>
      </c>
      <c r="J91" s="26">
        <v>0</v>
      </c>
      <c r="K91" s="26">
        <v>0</v>
      </c>
      <c r="L91" s="26">
        <v>0</v>
      </c>
      <c r="M91" s="26">
        <v>0</v>
      </c>
      <c r="N91" s="26">
        <v>876</v>
      </c>
      <c r="O91" s="26">
        <v>641</v>
      </c>
      <c r="P91" s="26">
        <v>3</v>
      </c>
      <c r="Q91" s="26">
        <v>0</v>
      </c>
      <c r="R91" s="26">
        <v>218</v>
      </c>
      <c r="S91" s="26">
        <v>0</v>
      </c>
      <c r="T91" s="26">
        <v>862</v>
      </c>
      <c r="U91" s="29">
        <v>0.33850931677018631</v>
      </c>
      <c r="V91" s="15">
        <v>16</v>
      </c>
      <c r="W91" s="26">
        <v>648</v>
      </c>
      <c r="X91" s="26">
        <v>10</v>
      </c>
      <c r="Y91" s="26">
        <v>0</v>
      </c>
      <c r="Z91" s="26">
        <v>218</v>
      </c>
      <c r="AA91" s="26">
        <v>0</v>
      </c>
      <c r="AB91" s="27"/>
      <c r="AC91" s="26">
        <v>287</v>
      </c>
      <c r="AD91" s="26">
        <v>365</v>
      </c>
      <c r="AE91" s="26">
        <v>445</v>
      </c>
      <c r="AF91" s="26">
        <v>384</v>
      </c>
      <c r="AG91" s="26">
        <v>375</v>
      </c>
      <c r="AH91" s="26">
        <v>385</v>
      </c>
      <c r="AI91" s="26">
        <v>378</v>
      </c>
      <c r="AJ91" s="26">
        <v>464</v>
      </c>
      <c r="AK91" s="26">
        <v>449</v>
      </c>
      <c r="AL91" s="26">
        <v>451</v>
      </c>
      <c r="AM91" s="26">
        <v>435</v>
      </c>
      <c r="AN91" s="26">
        <v>445</v>
      </c>
      <c r="AO91" s="26">
        <v>4863</v>
      </c>
      <c r="AP91" s="26">
        <v>448</v>
      </c>
      <c r="AQ91" s="26">
        <v>1</v>
      </c>
      <c r="AR91" s="26">
        <v>0</v>
      </c>
      <c r="AS91" s="26">
        <v>195</v>
      </c>
      <c r="AT91" s="26">
        <v>0</v>
      </c>
      <c r="AU91" s="26">
        <v>644</v>
      </c>
      <c r="AV91" s="29">
        <v>0.24324324324324326</v>
      </c>
      <c r="AW91" s="15">
        <v>32</v>
      </c>
      <c r="AX91" s="26">
        <v>454</v>
      </c>
      <c r="AY91" s="26">
        <v>3</v>
      </c>
      <c r="AZ91" s="26">
        <v>0</v>
      </c>
      <c r="BA91" s="26">
        <v>195</v>
      </c>
      <c r="BB91" s="26">
        <v>0</v>
      </c>
    </row>
    <row r="92" spans="1:54">
      <c r="A92" s="16" t="s">
        <v>167</v>
      </c>
      <c r="B92" s="25">
        <v>55</v>
      </c>
      <c r="C92" s="25">
        <v>54</v>
      </c>
      <c r="D92" s="25">
        <v>0</v>
      </c>
      <c r="E92" s="25">
        <v>0</v>
      </c>
      <c r="F92" s="25">
        <v>0</v>
      </c>
      <c r="G92" s="25">
        <v>0</v>
      </c>
      <c r="H92" s="25">
        <v>0</v>
      </c>
      <c r="I92" s="25">
        <v>0</v>
      </c>
      <c r="J92" s="25">
        <v>0</v>
      </c>
      <c r="K92" s="25">
        <v>0</v>
      </c>
      <c r="L92" s="25">
        <v>0</v>
      </c>
      <c r="M92" s="25">
        <v>0</v>
      </c>
      <c r="N92" s="25">
        <v>109</v>
      </c>
      <c r="O92" s="25">
        <v>81</v>
      </c>
      <c r="P92" s="25">
        <v>0</v>
      </c>
      <c r="Q92" s="25">
        <v>0</v>
      </c>
      <c r="R92" s="25">
        <v>26</v>
      </c>
      <c r="S92" s="25">
        <v>0</v>
      </c>
      <c r="T92" s="25">
        <v>107</v>
      </c>
      <c r="U92" s="28">
        <v>0.18888888888888888</v>
      </c>
      <c r="V92" s="24">
        <v>48</v>
      </c>
      <c r="W92" s="25">
        <v>83</v>
      </c>
      <c r="X92" s="25">
        <v>0</v>
      </c>
      <c r="Y92" s="25">
        <v>0</v>
      </c>
      <c r="Z92" s="25">
        <v>26</v>
      </c>
      <c r="AA92" s="25">
        <v>0</v>
      </c>
      <c r="AB92" s="27"/>
      <c r="AC92" s="25">
        <v>36</v>
      </c>
      <c r="AD92" s="25">
        <v>55</v>
      </c>
      <c r="AE92" s="25">
        <v>59</v>
      </c>
      <c r="AF92" s="25">
        <v>54</v>
      </c>
      <c r="AG92" s="25">
        <v>44</v>
      </c>
      <c r="AH92" s="25">
        <v>64</v>
      </c>
      <c r="AI92" s="25">
        <v>44</v>
      </c>
      <c r="AJ92" s="25">
        <v>56</v>
      </c>
      <c r="AK92" s="25">
        <v>60</v>
      </c>
      <c r="AL92" s="25">
        <v>38</v>
      </c>
      <c r="AM92" s="25">
        <v>57</v>
      </c>
      <c r="AN92" s="25">
        <v>39</v>
      </c>
      <c r="AO92" s="25">
        <v>606</v>
      </c>
      <c r="AP92" s="25">
        <v>64</v>
      </c>
      <c r="AQ92" s="25">
        <v>0</v>
      </c>
      <c r="AR92" s="25">
        <v>0</v>
      </c>
      <c r="AS92" s="25">
        <v>26</v>
      </c>
      <c r="AT92" s="25">
        <v>0</v>
      </c>
      <c r="AU92" s="25">
        <v>90</v>
      </c>
      <c r="AV92" s="28">
        <v>0.25</v>
      </c>
      <c r="AW92" s="24">
        <v>30</v>
      </c>
      <c r="AX92" s="25">
        <v>64</v>
      </c>
      <c r="AY92" s="25">
        <v>1</v>
      </c>
      <c r="AZ92" s="25">
        <v>0</v>
      </c>
      <c r="BA92" s="25">
        <v>26</v>
      </c>
      <c r="BB92" s="25">
        <v>0</v>
      </c>
    </row>
    <row r="93" spans="1:54">
      <c r="A93" s="17" t="s">
        <v>168</v>
      </c>
      <c r="B93" s="26">
        <v>64</v>
      </c>
      <c r="C93" s="26">
        <v>97</v>
      </c>
      <c r="D93" s="26">
        <v>0</v>
      </c>
      <c r="E93" s="26">
        <v>0</v>
      </c>
      <c r="F93" s="26">
        <v>0</v>
      </c>
      <c r="G93" s="26">
        <v>0</v>
      </c>
      <c r="H93" s="26">
        <v>0</v>
      </c>
      <c r="I93" s="26">
        <v>0</v>
      </c>
      <c r="J93" s="26">
        <v>0</v>
      </c>
      <c r="K93" s="26">
        <v>0</v>
      </c>
      <c r="L93" s="26">
        <v>0</v>
      </c>
      <c r="M93" s="26">
        <v>0</v>
      </c>
      <c r="N93" s="26">
        <v>161</v>
      </c>
      <c r="O93" s="26">
        <v>117</v>
      </c>
      <c r="P93" s="26">
        <v>0</v>
      </c>
      <c r="Q93" s="26">
        <v>0</v>
      </c>
      <c r="R93" s="26">
        <v>38</v>
      </c>
      <c r="S93" s="26">
        <v>0</v>
      </c>
      <c r="T93" s="26">
        <v>155</v>
      </c>
      <c r="U93" s="29">
        <v>0.46226415094339623</v>
      </c>
      <c r="V93" s="15">
        <v>4</v>
      </c>
      <c r="W93" s="26">
        <v>120</v>
      </c>
      <c r="X93" s="26">
        <v>3</v>
      </c>
      <c r="Y93" s="26">
        <v>0</v>
      </c>
      <c r="Z93" s="26">
        <v>38</v>
      </c>
      <c r="AA93" s="26">
        <v>0</v>
      </c>
      <c r="AB93" s="27"/>
      <c r="AC93" s="26">
        <v>58</v>
      </c>
      <c r="AD93" s="26">
        <v>50</v>
      </c>
      <c r="AE93" s="26">
        <v>77</v>
      </c>
      <c r="AF93" s="26">
        <v>63</v>
      </c>
      <c r="AG93" s="26">
        <v>91</v>
      </c>
      <c r="AH93" s="26">
        <v>57</v>
      </c>
      <c r="AI93" s="26">
        <v>74</v>
      </c>
      <c r="AJ93" s="26">
        <v>67</v>
      </c>
      <c r="AK93" s="26">
        <v>77</v>
      </c>
      <c r="AL93" s="26">
        <v>96</v>
      </c>
      <c r="AM93" s="26">
        <v>68</v>
      </c>
      <c r="AN93" s="26">
        <v>65</v>
      </c>
      <c r="AO93" s="26">
        <v>843</v>
      </c>
      <c r="AP93" s="26">
        <v>88</v>
      </c>
      <c r="AQ93" s="26">
        <v>1</v>
      </c>
      <c r="AR93" s="26">
        <v>0</v>
      </c>
      <c r="AS93" s="26">
        <v>17</v>
      </c>
      <c r="AT93" s="26">
        <v>0</v>
      </c>
      <c r="AU93" s="26">
        <v>106</v>
      </c>
      <c r="AV93" s="29">
        <v>-0.19696969696969696</v>
      </c>
      <c r="AW93" s="15">
        <v>92</v>
      </c>
      <c r="AX93" s="26">
        <v>90</v>
      </c>
      <c r="AY93" s="26">
        <v>1</v>
      </c>
      <c r="AZ93" s="26">
        <v>0</v>
      </c>
      <c r="BA93" s="26">
        <v>17</v>
      </c>
      <c r="BB93" s="26">
        <v>0</v>
      </c>
    </row>
    <row r="94" spans="1:54">
      <c r="A94" s="16" t="s">
        <v>165</v>
      </c>
      <c r="B94" s="25">
        <v>430</v>
      </c>
      <c r="C94" s="25">
        <v>516</v>
      </c>
      <c r="D94" s="25">
        <v>0</v>
      </c>
      <c r="E94" s="25">
        <v>0</v>
      </c>
      <c r="F94" s="25">
        <v>0</v>
      </c>
      <c r="G94" s="25">
        <v>0</v>
      </c>
      <c r="H94" s="25">
        <v>0</v>
      </c>
      <c r="I94" s="25">
        <v>0</v>
      </c>
      <c r="J94" s="25">
        <v>0</v>
      </c>
      <c r="K94" s="25">
        <v>0</v>
      </c>
      <c r="L94" s="25">
        <v>0</v>
      </c>
      <c r="M94" s="25">
        <v>0</v>
      </c>
      <c r="N94" s="25">
        <v>946</v>
      </c>
      <c r="O94" s="25">
        <v>527</v>
      </c>
      <c r="P94" s="25">
        <v>0</v>
      </c>
      <c r="Q94" s="25">
        <v>0</v>
      </c>
      <c r="R94" s="25">
        <v>410</v>
      </c>
      <c r="S94" s="25">
        <v>0</v>
      </c>
      <c r="T94" s="25">
        <v>937</v>
      </c>
      <c r="U94" s="28">
        <v>0.18757921419518378</v>
      </c>
      <c r="V94" s="24">
        <v>49</v>
      </c>
      <c r="W94" s="25">
        <v>529</v>
      </c>
      <c r="X94" s="25">
        <v>5</v>
      </c>
      <c r="Y94" s="25">
        <v>0</v>
      </c>
      <c r="Z94" s="25">
        <v>410</v>
      </c>
      <c r="AA94" s="25">
        <v>2</v>
      </c>
      <c r="AB94" s="27"/>
      <c r="AC94" s="25">
        <v>371</v>
      </c>
      <c r="AD94" s="25">
        <v>420</v>
      </c>
      <c r="AE94" s="25">
        <v>604</v>
      </c>
      <c r="AF94" s="25">
        <v>551</v>
      </c>
      <c r="AG94" s="25">
        <v>528</v>
      </c>
      <c r="AH94" s="25">
        <v>507</v>
      </c>
      <c r="AI94" s="25">
        <v>419</v>
      </c>
      <c r="AJ94" s="25">
        <v>579</v>
      </c>
      <c r="AK94" s="25">
        <v>472</v>
      </c>
      <c r="AL94" s="25">
        <v>539</v>
      </c>
      <c r="AM94" s="25">
        <v>498</v>
      </c>
      <c r="AN94" s="25">
        <v>489</v>
      </c>
      <c r="AO94" s="25">
        <v>5977</v>
      </c>
      <c r="AP94" s="25">
        <v>452</v>
      </c>
      <c r="AQ94" s="25">
        <v>0</v>
      </c>
      <c r="AR94" s="25">
        <v>0</v>
      </c>
      <c r="AS94" s="25">
        <v>337</v>
      </c>
      <c r="AT94" s="25">
        <v>0</v>
      </c>
      <c r="AU94" s="25">
        <v>789</v>
      </c>
      <c r="AV94" s="28">
        <v>4.0897097625329816E-2</v>
      </c>
      <c r="AW94" s="24">
        <v>76</v>
      </c>
      <c r="AX94" s="25">
        <v>452</v>
      </c>
      <c r="AY94" s="25">
        <v>2</v>
      </c>
      <c r="AZ94" s="25">
        <v>0</v>
      </c>
      <c r="BA94" s="25">
        <v>337</v>
      </c>
      <c r="BB94" s="25">
        <v>0</v>
      </c>
    </row>
    <row r="95" spans="1:54">
      <c r="A95" s="17" t="s">
        <v>166</v>
      </c>
      <c r="B95" s="26">
        <v>191</v>
      </c>
      <c r="C95" s="26">
        <v>195</v>
      </c>
      <c r="D95" s="26">
        <v>0</v>
      </c>
      <c r="E95" s="26">
        <v>0</v>
      </c>
      <c r="F95" s="26">
        <v>0</v>
      </c>
      <c r="G95" s="26">
        <v>0</v>
      </c>
      <c r="H95" s="26">
        <v>0</v>
      </c>
      <c r="I95" s="26">
        <v>0</v>
      </c>
      <c r="J95" s="26">
        <v>0</v>
      </c>
      <c r="K95" s="26">
        <v>0</v>
      </c>
      <c r="L95" s="26">
        <v>0</v>
      </c>
      <c r="M95" s="26">
        <v>0</v>
      </c>
      <c r="N95" s="26">
        <v>386</v>
      </c>
      <c r="O95" s="26">
        <v>256</v>
      </c>
      <c r="P95" s="26">
        <v>0</v>
      </c>
      <c r="Q95" s="26">
        <v>0</v>
      </c>
      <c r="R95" s="26">
        <v>127</v>
      </c>
      <c r="S95" s="26">
        <v>0</v>
      </c>
      <c r="T95" s="26">
        <v>383</v>
      </c>
      <c r="U95" s="29">
        <v>0.49609375</v>
      </c>
      <c r="V95" s="15">
        <v>1</v>
      </c>
      <c r="W95" s="26">
        <v>258</v>
      </c>
      <c r="X95" s="26">
        <v>1</v>
      </c>
      <c r="Y95" s="26">
        <v>0</v>
      </c>
      <c r="Z95" s="26">
        <v>127</v>
      </c>
      <c r="AA95" s="26">
        <v>0</v>
      </c>
      <c r="AB95" s="27"/>
      <c r="AC95" s="26">
        <v>117</v>
      </c>
      <c r="AD95" s="26">
        <v>140</v>
      </c>
      <c r="AE95" s="26">
        <v>218</v>
      </c>
      <c r="AF95" s="26">
        <v>222</v>
      </c>
      <c r="AG95" s="26">
        <v>200</v>
      </c>
      <c r="AH95" s="26">
        <v>201</v>
      </c>
      <c r="AI95" s="26">
        <v>208</v>
      </c>
      <c r="AJ95" s="26">
        <v>228</v>
      </c>
      <c r="AK95" s="26">
        <v>181</v>
      </c>
      <c r="AL95" s="26">
        <v>224</v>
      </c>
      <c r="AM95" s="26">
        <v>192</v>
      </c>
      <c r="AN95" s="26">
        <v>197</v>
      </c>
      <c r="AO95" s="26">
        <v>2328</v>
      </c>
      <c r="AP95" s="26">
        <v>168</v>
      </c>
      <c r="AQ95" s="26">
        <v>0</v>
      </c>
      <c r="AR95" s="26">
        <v>0</v>
      </c>
      <c r="AS95" s="26">
        <v>88</v>
      </c>
      <c r="AT95" s="26">
        <v>0</v>
      </c>
      <c r="AU95" s="26">
        <v>256</v>
      </c>
      <c r="AV95" s="29">
        <v>1.1857707509881422E-2</v>
      </c>
      <c r="AW95" s="15">
        <v>83</v>
      </c>
      <c r="AX95" s="26">
        <v>169</v>
      </c>
      <c r="AY95" s="26">
        <v>0</v>
      </c>
      <c r="AZ95" s="26">
        <v>0</v>
      </c>
      <c r="BA95" s="26">
        <v>88</v>
      </c>
      <c r="BB95" s="26">
        <v>0</v>
      </c>
    </row>
    <row r="96" spans="1:54">
      <c r="A96" s="16" t="s">
        <v>169</v>
      </c>
      <c r="B96" s="25">
        <v>18</v>
      </c>
      <c r="C96" s="25">
        <v>29</v>
      </c>
      <c r="D96" s="25">
        <v>0</v>
      </c>
      <c r="E96" s="25">
        <v>0</v>
      </c>
      <c r="F96" s="25">
        <v>0</v>
      </c>
      <c r="G96" s="25">
        <v>0</v>
      </c>
      <c r="H96" s="25">
        <v>0</v>
      </c>
      <c r="I96" s="25">
        <v>0</v>
      </c>
      <c r="J96" s="25">
        <v>0</v>
      </c>
      <c r="K96" s="25">
        <v>0</v>
      </c>
      <c r="L96" s="25">
        <v>0</v>
      </c>
      <c r="M96" s="25">
        <v>0</v>
      </c>
      <c r="N96" s="25">
        <v>47</v>
      </c>
      <c r="O96" s="25">
        <v>32</v>
      </c>
      <c r="P96" s="25">
        <v>0</v>
      </c>
      <c r="Q96" s="25">
        <v>0</v>
      </c>
      <c r="R96" s="25">
        <v>12</v>
      </c>
      <c r="S96" s="25">
        <v>0</v>
      </c>
      <c r="T96" s="25">
        <v>44</v>
      </c>
      <c r="U96" s="28">
        <v>-2.2222222222222223E-2</v>
      </c>
      <c r="V96" s="24">
        <v>86</v>
      </c>
      <c r="W96" s="25">
        <v>32</v>
      </c>
      <c r="X96" s="25">
        <v>3</v>
      </c>
      <c r="Y96" s="25">
        <v>0</v>
      </c>
      <c r="Z96" s="25">
        <v>12</v>
      </c>
      <c r="AA96" s="25">
        <v>0</v>
      </c>
      <c r="AB96" s="27"/>
      <c r="AC96" s="25">
        <v>25</v>
      </c>
      <c r="AD96" s="25">
        <v>20</v>
      </c>
      <c r="AE96" s="25">
        <v>55</v>
      </c>
      <c r="AF96" s="25">
        <v>45</v>
      </c>
      <c r="AG96" s="25">
        <v>42</v>
      </c>
      <c r="AH96" s="25">
        <v>37</v>
      </c>
      <c r="AI96" s="25">
        <v>31</v>
      </c>
      <c r="AJ96" s="25">
        <v>36</v>
      </c>
      <c r="AK96" s="25">
        <v>47</v>
      </c>
      <c r="AL96" s="25">
        <v>38</v>
      </c>
      <c r="AM96" s="25">
        <v>40</v>
      </c>
      <c r="AN96" s="25">
        <v>28</v>
      </c>
      <c r="AO96" s="25">
        <v>444</v>
      </c>
      <c r="AP96" s="25">
        <v>35</v>
      </c>
      <c r="AQ96" s="25">
        <v>0</v>
      </c>
      <c r="AR96" s="25">
        <v>0</v>
      </c>
      <c r="AS96" s="25">
        <v>10</v>
      </c>
      <c r="AT96" s="25">
        <v>0</v>
      </c>
      <c r="AU96" s="25">
        <v>45</v>
      </c>
      <c r="AV96" s="28">
        <v>-8.1632653061224483E-2</v>
      </c>
      <c r="AW96" s="24">
        <v>89</v>
      </c>
      <c r="AX96" s="25">
        <v>35</v>
      </c>
      <c r="AY96" s="25">
        <v>0</v>
      </c>
      <c r="AZ96" s="25">
        <v>0</v>
      </c>
      <c r="BA96" s="25">
        <v>10</v>
      </c>
      <c r="BB96" s="25">
        <v>0</v>
      </c>
    </row>
    <row r="97" spans="1:54">
      <c r="A97" s="17" t="s">
        <v>67</v>
      </c>
      <c r="B97" s="26">
        <v>34228</v>
      </c>
      <c r="C97" s="26">
        <v>38180</v>
      </c>
      <c r="D97" s="26">
        <v>0</v>
      </c>
      <c r="E97" s="26">
        <v>0</v>
      </c>
      <c r="F97" s="26">
        <v>0</v>
      </c>
      <c r="G97" s="26">
        <v>0</v>
      </c>
      <c r="H97" s="26">
        <v>0</v>
      </c>
      <c r="I97" s="26">
        <v>0</v>
      </c>
      <c r="J97" s="26">
        <v>0</v>
      </c>
      <c r="K97" s="26">
        <v>0</v>
      </c>
      <c r="L97" s="26">
        <v>0</v>
      </c>
      <c r="M97" s="26">
        <v>0</v>
      </c>
      <c r="N97" s="26"/>
      <c r="O97" s="26">
        <v>40201</v>
      </c>
      <c r="P97" s="26">
        <v>118</v>
      </c>
      <c r="Q97" s="26">
        <v>18</v>
      </c>
      <c r="R97" s="26">
        <v>30103</v>
      </c>
      <c r="S97" s="26">
        <v>1</v>
      </c>
      <c r="T97" s="26">
        <v>70441</v>
      </c>
      <c r="U97" s="37">
        <v>0.19596258000984737</v>
      </c>
      <c r="V97" s="15"/>
      <c r="W97" s="26">
        <v>41028</v>
      </c>
      <c r="X97" s="26">
        <v>1168</v>
      </c>
      <c r="Y97" s="26">
        <v>24</v>
      </c>
      <c r="Z97" s="26">
        <v>30123</v>
      </c>
      <c r="AA97" s="26">
        <v>65</v>
      </c>
      <c r="AB97" s="27"/>
      <c r="AC97" s="26">
        <v>28950</v>
      </c>
      <c r="AD97" s="26">
        <v>31285</v>
      </c>
      <c r="AE97" s="26">
        <v>41913</v>
      </c>
      <c r="AF97" s="26">
        <v>37439</v>
      </c>
      <c r="AG97" s="26">
        <v>37058</v>
      </c>
      <c r="AH97" s="26">
        <v>37580</v>
      </c>
      <c r="AI97" s="26">
        <v>35279</v>
      </c>
      <c r="AJ97" s="26">
        <v>41553</v>
      </c>
      <c r="AK97" s="26">
        <v>39468</v>
      </c>
      <c r="AL97" s="26">
        <v>38738</v>
      </c>
      <c r="AM97" s="26">
        <v>37840</v>
      </c>
      <c r="AN97" s="26">
        <v>36955</v>
      </c>
      <c r="AO97" s="26"/>
      <c r="AP97" s="26">
        <v>32119</v>
      </c>
      <c r="AQ97" s="26">
        <v>118</v>
      </c>
      <c r="AR97" s="26">
        <v>10</v>
      </c>
      <c r="AS97" s="26">
        <v>26650</v>
      </c>
      <c r="AT97" s="26">
        <v>2</v>
      </c>
      <c r="AU97" s="26">
        <v>58899</v>
      </c>
      <c r="AV97" s="37">
        <v>0.18050628344657568</v>
      </c>
      <c r="AW97" s="15"/>
      <c r="AX97" s="26">
        <v>32692</v>
      </c>
      <c r="AY97" s="26">
        <v>841</v>
      </c>
      <c r="AZ97" s="26">
        <v>16</v>
      </c>
      <c r="BA97" s="26">
        <v>26664</v>
      </c>
      <c r="BB97" s="26">
        <v>22</v>
      </c>
    </row>
    <row r="98" spans="1:54">
      <c r="A98" s="18"/>
      <c r="B98" s="7"/>
      <c r="C98" s="7"/>
      <c r="D98" s="7"/>
      <c r="E98" s="7"/>
      <c r="F98" s="7"/>
      <c r="G98" s="7"/>
      <c r="H98" s="7"/>
      <c r="I98" s="7"/>
      <c r="J98" s="7"/>
      <c r="K98" s="7"/>
      <c r="L98" s="7"/>
      <c r="M98" s="7"/>
      <c r="N98" s="7"/>
      <c r="O98" s="7"/>
      <c r="P98" s="7"/>
      <c r="Q98" s="7"/>
      <c r="R98" s="7"/>
      <c r="S98" s="7"/>
      <c r="T98" s="7"/>
      <c r="U98" s="7"/>
      <c r="V98" s="7"/>
      <c r="W98" s="7"/>
      <c r="X98" s="7"/>
      <c r="Y98" s="7"/>
      <c r="Z98" s="7"/>
      <c r="AA98" s="7"/>
      <c r="AB98" s="27"/>
      <c r="AC98" s="7"/>
      <c r="AD98" s="7"/>
      <c r="AE98" s="7"/>
      <c r="AF98" s="7"/>
      <c r="AG98" s="7"/>
      <c r="AH98" s="7"/>
      <c r="AI98" s="7"/>
      <c r="AJ98" s="7"/>
      <c r="AK98" s="7"/>
      <c r="AL98" s="7"/>
      <c r="AM98" s="7"/>
      <c r="AN98" s="7"/>
      <c r="AO98" s="7"/>
      <c r="AP98" s="7"/>
      <c r="AQ98" s="7"/>
      <c r="AR98" s="7"/>
      <c r="AS98" s="7"/>
      <c r="AT98" s="7"/>
      <c r="AU98" s="7"/>
      <c r="AV98" s="7"/>
      <c r="AW98" s="7"/>
      <c r="AX98" s="7"/>
      <c r="AY98" s="7"/>
      <c r="AZ98" s="7"/>
      <c r="BA98" s="7"/>
      <c r="BB98" s="7"/>
    </row>
    <row r="99" spans="1:54">
      <c r="A99" s="19" t="s">
        <v>68</v>
      </c>
      <c r="B99" s="35">
        <v>20</v>
      </c>
      <c r="C99" s="35">
        <v>20</v>
      </c>
      <c r="D99" s="35">
        <v>0</v>
      </c>
      <c r="E99" s="35">
        <v>0</v>
      </c>
      <c r="F99" s="35">
        <v>0</v>
      </c>
      <c r="G99" s="35">
        <v>0</v>
      </c>
      <c r="H99" s="35">
        <v>0</v>
      </c>
      <c r="I99" s="35">
        <v>0</v>
      </c>
      <c r="J99" s="35">
        <v>0</v>
      </c>
      <c r="K99" s="35">
        <v>0</v>
      </c>
      <c r="L99" s="35">
        <v>0</v>
      </c>
      <c r="M99" s="35">
        <v>0</v>
      </c>
      <c r="N99" s="35"/>
      <c r="O99" s="10"/>
      <c r="P99" s="10"/>
      <c r="Q99" s="10"/>
      <c r="R99" s="10"/>
      <c r="S99" s="10"/>
      <c r="T99" s="10"/>
      <c r="U99" s="10"/>
      <c r="V99" s="10"/>
      <c r="W99" s="10"/>
      <c r="X99" s="10"/>
      <c r="Y99" s="10"/>
      <c r="Z99" s="10"/>
      <c r="AA99" s="10"/>
      <c r="AB99" s="27"/>
      <c r="AC99" s="35">
        <v>19</v>
      </c>
      <c r="AD99" s="35">
        <v>19</v>
      </c>
      <c r="AE99" s="35">
        <v>23</v>
      </c>
      <c r="AF99" s="35">
        <v>21</v>
      </c>
      <c r="AG99" s="35">
        <v>21</v>
      </c>
      <c r="AH99" s="35">
        <v>21</v>
      </c>
      <c r="AI99" s="35">
        <v>20</v>
      </c>
      <c r="AJ99" s="35">
        <v>23</v>
      </c>
      <c r="AK99" s="35">
        <v>21</v>
      </c>
      <c r="AL99" s="35">
        <v>21</v>
      </c>
      <c r="AM99" s="35">
        <v>21</v>
      </c>
      <c r="AN99" s="35">
        <v>21</v>
      </c>
      <c r="AO99" s="35"/>
      <c r="AP99" s="10"/>
      <c r="AQ99" s="10"/>
      <c r="AR99" s="10"/>
      <c r="AS99" s="10"/>
      <c r="AT99" s="10"/>
      <c r="AU99" s="10"/>
      <c r="AV99" s="10"/>
      <c r="AW99" s="10"/>
      <c r="AX99" s="10"/>
      <c r="AY99" s="10"/>
      <c r="AZ99" s="10"/>
      <c r="BA99" s="10"/>
      <c r="BB99" s="10"/>
    </row>
    <row r="100" spans="1:54">
      <c r="A100" s="19" t="s">
        <v>69</v>
      </c>
      <c r="B100" s="36">
        <v>1711.4</v>
      </c>
      <c r="C100" s="36">
        <v>1909</v>
      </c>
      <c r="D100" s="36">
        <v>0</v>
      </c>
      <c r="E100" s="36">
        <v>0</v>
      </c>
      <c r="F100" s="36">
        <v>0</v>
      </c>
      <c r="G100" s="36">
        <v>0</v>
      </c>
      <c r="H100" s="36">
        <v>0</v>
      </c>
      <c r="I100" s="36">
        <v>0</v>
      </c>
      <c r="J100" s="36">
        <v>0</v>
      </c>
      <c r="K100" s="36">
        <v>0</v>
      </c>
      <c r="L100" s="36">
        <v>0</v>
      </c>
      <c r="M100" s="36">
        <v>0</v>
      </c>
      <c r="N100" s="36"/>
      <c r="O100" s="10"/>
      <c r="P100" s="10"/>
      <c r="Q100" s="10"/>
      <c r="R100" s="10"/>
      <c r="S100" s="10"/>
      <c r="T100" s="10"/>
      <c r="U100" s="10"/>
      <c r="V100" s="10"/>
      <c r="W100" s="10"/>
      <c r="X100" s="10"/>
      <c r="Y100" s="10"/>
      <c r="Z100" s="10"/>
      <c r="AA100" s="10"/>
      <c r="AB100" s="27"/>
      <c r="AC100" s="36">
        <v>1523.6842105263158</v>
      </c>
      <c r="AD100" s="36">
        <v>1646.578947368421</v>
      </c>
      <c r="AE100" s="36">
        <v>1822.304347826087</v>
      </c>
      <c r="AF100" s="36">
        <v>1782.8095238095239</v>
      </c>
      <c r="AG100" s="36">
        <v>1764.6666666666667</v>
      </c>
      <c r="AH100" s="36">
        <v>1789.5238095238096</v>
      </c>
      <c r="AI100" s="36">
        <v>1763.95</v>
      </c>
      <c r="AJ100" s="36">
        <v>1806.6521739130435</v>
      </c>
      <c r="AK100" s="36">
        <v>1879.4285714285713</v>
      </c>
      <c r="AL100" s="36">
        <v>1844.6666666666667</v>
      </c>
      <c r="AM100" s="36">
        <v>1801.9047619047619</v>
      </c>
      <c r="AN100" s="36">
        <v>1759.7619047619048</v>
      </c>
      <c r="AO100" s="36"/>
      <c r="AP100" s="10"/>
      <c r="AQ100" s="10"/>
      <c r="AR100" s="10"/>
      <c r="AS100" s="10"/>
      <c r="AT100" s="10"/>
      <c r="AU100" s="10"/>
      <c r="AV100" s="10"/>
      <c r="AW100" s="10"/>
      <c r="AX100" s="10"/>
      <c r="AY100" s="10"/>
      <c r="AZ100" s="10"/>
      <c r="BA100" s="10"/>
      <c r="BB100" s="10"/>
    </row>
  </sheetData>
  <mergeCells count="9">
    <mergeCell ref="AC1:BB1"/>
    <mergeCell ref="A2:A3"/>
    <mergeCell ref="O2:V2"/>
    <mergeCell ref="W2:AA2"/>
    <mergeCell ref="AX2:BB2"/>
    <mergeCell ref="B2:N2"/>
    <mergeCell ref="AC2:AO2"/>
    <mergeCell ref="B1:AA1"/>
    <mergeCell ref="AP2:AW2"/>
  </mergeCells>
  <pageMargins left="0.7" right="0.7" top="0.75" bottom="0.75" header="0.3" footer="0.3"/>
  <pageSetup orientation="portrait" r:id="rId1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R100"/>
  <sheetViews>
    <sheetView zoomScaleNormal="100" workbookViewId="0">
      <pane xSplit="1" ySplit="3" topLeftCell="B4" activePane="bottomRight" state="frozen"/>
      <selection activeCell="B19" sqref="B19"/>
      <selection pane="topRight" activeCell="B19" sqref="B19"/>
      <selection pane="bottomLeft" activeCell="B19" sqref="B19"/>
      <selection pane="bottomRight" activeCell="B4" sqref="B4"/>
    </sheetView>
  </sheetViews>
  <sheetFormatPr defaultColWidth="9.1796875" defaultRowHeight="14.5"/>
  <cols>
    <col min="1" max="1" width="27.7265625" bestFit="1" customWidth="1"/>
    <col min="2" max="7" width="8.7265625" customWidth="1"/>
    <col min="8" max="8" width="8.7265625" style="47" customWidth="1"/>
    <col min="9" max="9" width="8.7265625" customWidth="1"/>
    <col min="10" max="10" width="5.7265625" customWidth="1"/>
    <col min="11" max="18" width="8.7265625" customWidth="1"/>
  </cols>
  <sheetData>
    <row r="1" spans="1:18" s="8" customFormat="1" ht="50.15" customHeight="1">
      <c r="A1" s="23"/>
      <c r="B1" s="48">
        <v>2024</v>
      </c>
      <c r="C1" s="48"/>
      <c r="D1" s="48"/>
      <c r="E1" s="48"/>
      <c r="F1" s="48"/>
      <c r="G1" s="48"/>
      <c r="H1" s="48"/>
      <c r="I1" s="48"/>
      <c r="J1" s="23"/>
      <c r="K1" s="48">
        <v>2023</v>
      </c>
      <c r="L1" s="48"/>
      <c r="M1" s="48"/>
      <c r="N1" s="48"/>
      <c r="O1" s="48"/>
      <c r="P1" s="48"/>
      <c r="Q1" s="48"/>
      <c r="R1" s="48"/>
    </row>
    <row r="2" spans="1:18" ht="16.5" customHeight="1">
      <c r="A2" s="57" t="s">
        <v>72</v>
      </c>
      <c r="B2" s="58" t="s">
        <v>201</v>
      </c>
      <c r="C2" s="58"/>
      <c r="D2" s="58"/>
      <c r="E2" s="58"/>
      <c r="F2" s="58"/>
      <c r="G2" s="58"/>
      <c r="H2" s="58"/>
      <c r="I2" s="58"/>
      <c r="J2" s="15"/>
      <c r="K2" s="58" t="s">
        <v>201</v>
      </c>
      <c r="L2" s="58"/>
      <c r="M2" s="58"/>
      <c r="N2" s="58"/>
      <c r="O2" s="58"/>
      <c r="P2" s="58"/>
      <c r="Q2" s="58"/>
      <c r="R2" s="58"/>
    </row>
    <row r="3" spans="1:18" ht="70" customHeight="1">
      <c r="A3" s="57"/>
      <c r="B3" s="1" t="s">
        <v>172</v>
      </c>
      <c r="C3" s="1" t="s">
        <v>173</v>
      </c>
      <c r="D3" s="1" t="s">
        <v>174</v>
      </c>
      <c r="E3" s="1" t="s">
        <v>76</v>
      </c>
      <c r="F3" s="2" t="s">
        <v>171</v>
      </c>
      <c r="G3" s="2" t="s">
        <v>66</v>
      </c>
      <c r="H3" s="2" t="s">
        <v>195</v>
      </c>
      <c r="I3" s="2" t="s">
        <v>182</v>
      </c>
      <c r="J3" s="15"/>
      <c r="K3" s="1" t="s">
        <v>172</v>
      </c>
      <c r="L3" s="1" t="s">
        <v>173</v>
      </c>
      <c r="M3" s="1" t="s">
        <v>174</v>
      </c>
      <c r="N3" s="1" t="s">
        <v>76</v>
      </c>
      <c r="O3" s="2" t="s">
        <v>171</v>
      </c>
      <c r="P3" s="2" t="s">
        <v>66</v>
      </c>
      <c r="Q3" s="2" t="s">
        <v>190</v>
      </c>
      <c r="R3" s="2" t="s">
        <v>182</v>
      </c>
    </row>
    <row r="4" spans="1:18">
      <c r="A4" s="38" t="s">
        <v>78</v>
      </c>
      <c r="B4" s="25">
        <v>1</v>
      </c>
      <c r="C4" s="25">
        <v>0</v>
      </c>
      <c r="D4" s="25">
        <v>0</v>
      </c>
      <c r="E4" s="25">
        <v>0</v>
      </c>
      <c r="F4" s="25">
        <v>0</v>
      </c>
      <c r="G4" s="25">
        <v>1</v>
      </c>
      <c r="H4" s="41">
        <v>-0.66666666666666663</v>
      </c>
      <c r="I4" s="24">
        <v>79</v>
      </c>
      <c r="J4" s="27"/>
      <c r="K4" s="25">
        <v>3</v>
      </c>
      <c r="L4" s="25">
        <v>0</v>
      </c>
      <c r="M4" s="25">
        <v>0</v>
      </c>
      <c r="N4" s="25">
        <v>0</v>
      </c>
      <c r="O4" s="25">
        <v>0</v>
      </c>
      <c r="P4" s="25">
        <v>3</v>
      </c>
      <c r="Q4" s="28">
        <v>2</v>
      </c>
      <c r="R4" s="24">
        <v>9</v>
      </c>
    </row>
    <row r="5" spans="1:18">
      <c r="A5" s="39" t="s">
        <v>79</v>
      </c>
      <c r="B5" s="26">
        <v>4</v>
      </c>
      <c r="C5" s="26">
        <v>3</v>
      </c>
      <c r="D5" s="26">
        <v>0</v>
      </c>
      <c r="E5" s="26">
        <v>0</v>
      </c>
      <c r="F5" s="26">
        <v>0</v>
      </c>
      <c r="G5" s="26">
        <v>7</v>
      </c>
      <c r="H5" s="42">
        <v>-0.22222222222222221</v>
      </c>
      <c r="I5" s="15">
        <v>67</v>
      </c>
      <c r="J5" s="27"/>
      <c r="K5" s="26">
        <v>4</v>
      </c>
      <c r="L5" s="26">
        <v>5</v>
      </c>
      <c r="M5" s="26">
        <v>0</v>
      </c>
      <c r="N5" s="26">
        <v>0</v>
      </c>
      <c r="O5" s="26">
        <v>0</v>
      </c>
      <c r="P5" s="26">
        <v>9</v>
      </c>
      <c r="Q5" s="29">
        <v>1.25</v>
      </c>
      <c r="R5" s="15">
        <v>17</v>
      </c>
    </row>
    <row r="6" spans="1:18">
      <c r="A6" s="38" t="s">
        <v>80</v>
      </c>
      <c r="B6" s="25">
        <v>1</v>
      </c>
      <c r="C6" s="25">
        <v>2</v>
      </c>
      <c r="D6" s="25">
        <v>0</v>
      </c>
      <c r="E6" s="25">
        <v>0</v>
      </c>
      <c r="F6" s="25">
        <v>0</v>
      </c>
      <c r="G6" s="25">
        <v>3</v>
      </c>
      <c r="H6" s="41" t="s">
        <v>196</v>
      </c>
      <c r="I6" s="24" t="s">
        <v>197</v>
      </c>
      <c r="J6" s="27"/>
      <c r="K6" s="25">
        <v>0</v>
      </c>
      <c r="L6" s="25">
        <v>0</v>
      </c>
      <c r="M6" s="25">
        <v>0</v>
      </c>
      <c r="N6" s="25">
        <v>0</v>
      </c>
      <c r="O6" s="25">
        <v>0</v>
      </c>
      <c r="P6" s="25">
        <v>0</v>
      </c>
      <c r="Q6" s="28">
        <v>-1</v>
      </c>
      <c r="R6" s="24">
        <v>79</v>
      </c>
    </row>
    <row r="7" spans="1:18">
      <c r="A7" s="39" t="s">
        <v>77</v>
      </c>
      <c r="B7" s="26">
        <v>0</v>
      </c>
      <c r="C7" s="26">
        <v>0</v>
      </c>
      <c r="D7" s="26">
        <v>1</v>
      </c>
      <c r="E7" s="26">
        <v>0</v>
      </c>
      <c r="F7" s="26">
        <v>1</v>
      </c>
      <c r="G7" s="26">
        <v>2</v>
      </c>
      <c r="H7" s="42">
        <v>1</v>
      </c>
      <c r="I7" s="15">
        <v>17</v>
      </c>
      <c r="J7" s="27"/>
      <c r="K7" s="26">
        <v>1</v>
      </c>
      <c r="L7" s="26">
        <v>0</v>
      </c>
      <c r="M7" s="26">
        <v>0</v>
      </c>
      <c r="N7" s="26">
        <v>0</v>
      </c>
      <c r="O7" s="26">
        <v>0</v>
      </c>
      <c r="P7" s="26">
        <v>1</v>
      </c>
      <c r="Q7" s="29" t="s">
        <v>196</v>
      </c>
      <c r="R7" s="15" t="s">
        <v>197</v>
      </c>
    </row>
    <row r="8" spans="1:18">
      <c r="A8" s="38" t="s">
        <v>83</v>
      </c>
      <c r="B8" s="25">
        <v>17</v>
      </c>
      <c r="C8" s="25">
        <v>13</v>
      </c>
      <c r="D8" s="25">
        <v>0</v>
      </c>
      <c r="E8" s="25">
        <v>1</v>
      </c>
      <c r="F8" s="25">
        <v>0</v>
      </c>
      <c r="G8" s="25">
        <v>31</v>
      </c>
      <c r="H8" s="41">
        <v>1.2142857142857142</v>
      </c>
      <c r="I8" s="24">
        <v>15</v>
      </c>
      <c r="J8" s="27"/>
      <c r="K8" s="25">
        <v>6</v>
      </c>
      <c r="L8" s="25">
        <v>8</v>
      </c>
      <c r="M8" s="25">
        <v>0</v>
      </c>
      <c r="N8" s="25">
        <v>0</v>
      </c>
      <c r="O8" s="25">
        <v>0</v>
      </c>
      <c r="P8" s="25">
        <v>14</v>
      </c>
      <c r="Q8" s="28">
        <v>0.4</v>
      </c>
      <c r="R8" s="24">
        <v>36</v>
      </c>
    </row>
    <row r="9" spans="1:18">
      <c r="A9" s="39" t="s">
        <v>81</v>
      </c>
      <c r="B9" s="26">
        <v>2</v>
      </c>
      <c r="C9" s="26">
        <v>5</v>
      </c>
      <c r="D9" s="26">
        <v>0</v>
      </c>
      <c r="E9" s="26">
        <v>0</v>
      </c>
      <c r="F9" s="26">
        <v>1</v>
      </c>
      <c r="G9" s="26">
        <v>8</v>
      </c>
      <c r="H9" s="42">
        <v>1</v>
      </c>
      <c r="I9" s="15">
        <v>17</v>
      </c>
      <c r="J9" s="27"/>
      <c r="K9" s="26">
        <v>2</v>
      </c>
      <c r="L9" s="26">
        <v>2</v>
      </c>
      <c r="M9" s="26">
        <v>0</v>
      </c>
      <c r="N9" s="26">
        <v>0</v>
      </c>
      <c r="O9" s="26">
        <v>0</v>
      </c>
      <c r="P9" s="26">
        <v>4</v>
      </c>
      <c r="Q9" s="29">
        <v>0</v>
      </c>
      <c r="R9" s="15">
        <v>49</v>
      </c>
    </row>
    <row r="10" spans="1:18">
      <c r="A10" s="38" t="s">
        <v>82</v>
      </c>
      <c r="B10" s="25">
        <v>1</v>
      </c>
      <c r="C10" s="25">
        <v>1</v>
      </c>
      <c r="D10" s="25">
        <v>1</v>
      </c>
      <c r="E10" s="25">
        <v>0</v>
      </c>
      <c r="F10" s="25">
        <v>0</v>
      </c>
      <c r="G10" s="25">
        <v>3</v>
      </c>
      <c r="H10" s="41">
        <v>-0.4</v>
      </c>
      <c r="I10" s="24">
        <v>73</v>
      </c>
      <c r="J10" s="27"/>
      <c r="K10" s="25">
        <v>2</v>
      </c>
      <c r="L10" s="25">
        <v>2</v>
      </c>
      <c r="M10" s="25">
        <v>0</v>
      </c>
      <c r="N10" s="25">
        <v>1</v>
      </c>
      <c r="O10" s="25">
        <v>0</v>
      </c>
      <c r="P10" s="25">
        <v>5</v>
      </c>
      <c r="Q10" s="28">
        <v>0.25</v>
      </c>
      <c r="R10" s="24">
        <v>43</v>
      </c>
    </row>
    <row r="11" spans="1:18">
      <c r="A11" s="39" t="s">
        <v>84</v>
      </c>
      <c r="B11" s="26">
        <v>78</v>
      </c>
      <c r="C11" s="26">
        <v>34</v>
      </c>
      <c r="D11" s="26">
        <v>0</v>
      </c>
      <c r="E11" s="26">
        <v>1</v>
      </c>
      <c r="F11" s="26">
        <v>0</v>
      </c>
      <c r="G11" s="26">
        <v>113</v>
      </c>
      <c r="H11" s="42">
        <v>0.2696629213483146</v>
      </c>
      <c r="I11" s="15">
        <v>49</v>
      </c>
      <c r="J11" s="27"/>
      <c r="K11" s="26">
        <v>64</v>
      </c>
      <c r="L11" s="26">
        <v>25</v>
      </c>
      <c r="M11" s="26">
        <v>0</v>
      </c>
      <c r="N11" s="26">
        <v>0</v>
      </c>
      <c r="O11" s="26">
        <v>0</v>
      </c>
      <c r="P11" s="26">
        <v>89</v>
      </c>
      <c r="Q11" s="29">
        <v>8.5365853658536592E-2</v>
      </c>
      <c r="R11" s="15">
        <v>47</v>
      </c>
    </row>
    <row r="12" spans="1:18">
      <c r="A12" s="38" t="s">
        <v>85</v>
      </c>
      <c r="B12" s="25">
        <v>18</v>
      </c>
      <c r="C12" s="25">
        <v>4</v>
      </c>
      <c r="D12" s="25">
        <v>0</v>
      </c>
      <c r="E12" s="25">
        <v>0</v>
      </c>
      <c r="F12" s="25">
        <v>0</v>
      </c>
      <c r="G12" s="25">
        <v>22</v>
      </c>
      <c r="H12" s="41">
        <v>-0.26666666666666666</v>
      </c>
      <c r="I12" s="24">
        <v>68</v>
      </c>
      <c r="J12" s="27"/>
      <c r="K12" s="25">
        <v>21</v>
      </c>
      <c r="L12" s="25">
        <v>7</v>
      </c>
      <c r="M12" s="25">
        <v>0</v>
      </c>
      <c r="N12" s="25">
        <v>2</v>
      </c>
      <c r="O12" s="25">
        <v>0</v>
      </c>
      <c r="P12" s="25">
        <v>30</v>
      </c>
      <c r="Q12" s="28">
        <v>2</v>
      </c>
      <c r="R12" s="24">
        <v>9</v>
      </c>
    </row>
    <row r="13" spans="1:18">
      <c r="A13" s="39" t="s">
        <v>86</v>
      </c>
      <c r="B13" s="26">
        <v>26</v>
      </c>
      <c r="C13" s="26">
        <v>30</v>
      </c>
      <c r="D13" s="26">
        <v>0</v>
      </c>
      <c r="E13" s="26">
        <v>2</v>
      </c>
      <c r="F13" s="26">
        <v>0</v>
      </c>
      <c r="G13" s="26">
        <v>58</v>
      </c>
      <c r="H13" s="42">
        <v>1.1481481481481481</v>
      </c>
      <c r="I13" s="15">
        <v>16</v>
      </c>
      <c r="J13" s="27"/>
      <c r="K13" s="26">
        <v>20</v>
      </c>
      <c r="L13" s="26">
        <v>7</v>
      </c>
      <c r="M13" s="26">
        <v>0</v>
      </c>
      <c r="N13" s="26">
        <v>0</v>
      </c>
      <c r="O13" s="26">
        <v>0</v>
      </c>
      <c r="P13" s="26">
        <v>27</v>
      </c>
      <c r="Q13" s="29">
        <v>0.2857142857142857</v>
      </c>
      <c r="R13" s="15">
        <v>41</v>
      </c>
    </row>
    <row r="14" spans="1:18">
      <c r="A14" s="38" t="s">
        <v>87</v>
      </c>
      <c r="B14" s="25">
        <v>12</v>
      </c>
      <c r="C14" s="25">
        <v>9</v>
      </c>
      <c r="D14" s="25">
        <v>0</v>
      </c>
      <c r="E14" s="25">
        <v>0</v>
      </c>
      <c r="F14" s="25">
        <v>0</v>
      </c>
      <c r="G14" s="25">
        <v>21</v>
      </c>
      <c r="H14" s="41">
        <v>0.61538461538461542</v>
      </c>
      <c r="I14" s="24">
        <v>30</v>
      </c>
      <c r="J14" s="27"/>
      <c r="K14" s="25">
        <v>10</v>
      </c>
      <c r="L14" s="25">
        <v>3</v>
      </c>
      <c r="M14" s="25">
        <v>0</v>
      </c>
      <c r="N14" s="25">
        <v>0</v>
      </c>
      <c r="O14" s="25">
        <v>0</v>
      </c>
      <c r="P14" s="25">
        <v>13</v>
      </c>
      <c r="Q14" s="28">
        <v>0.8571428571428571</v>
      </c>
      <c r="R14" s="24">
        <v>25</v>
      </c>
    </row>
    <row r="15" spans="1:18">
      <c r="A15" s="39" t="s">
        <v>88</v>
      </c>
      <c r="B15" s="26">
        <v>10</v>
      </c>
      <c r="C15" s="26">
        <v>13</v>
      </c>
      <c r="D15" s="26">
        <v>0</v>
      </c>
      <c r="E15" s="26">
        <v>0</v>
      </c>
      <c r="F15" s="26">
        <v>0</v>
      </c>
      <c r="G15" s="26">
        <v>23</v>
      </c>
      <c r="H15" s="42">
        <v>0.53333333333333333</v>
      </c>
      <c r="I15" s="15">
        <v>31</v>
      </c>
      <c r="J15" s="27"/>
      <c r="K15" s="26">
        <v>5</v>
      </c>
      <c r="L15" s="26">
        <v>9</v>
      </c>
      <c r="M15" s="26">
        <v>0</v>
      </c>
      <c r="N15" s="26">
        <v>1</v>
      </c>
      <c r="O15" s="26">
        <v>0</v>
      </c>
      <c r="P15" s="26">
        <v>15</v>
      </c>
      <c r="Q15" s="29">
        <v>0.15384615384615385</v>
      </c>
      <c r="R15" s="15">
        <v>44</v>
      </c>
    </row>
    <row r="16" spans="1:18">
      <c r="A16" s="38" t="s">
        <v>89</v>
      </c>
      <c r="B16" s="25">
        <v>1</v>
      </c>
      <c r="C16" s="25">
        <v>1</v>
      </c>
      <c r="D16" s="25">
        <v>0</v>
      </c>
      <c r="E16" s="25">
        <v>0</v>
      </c>
      <c r="F16" s="25">
        <v>0</v>
      </c>
      <c r="G16" s="25">
        <v>2</v>
      </c>
      <c r="H16" s="41">
        <v>-0.5</v>
      </c>
      <c r="I16" s="24">
        <v>75</v>
      </c>
      <c r="J16" s="27"/>
      <c r="K16" s="25">
        <v>3</v>
      </c>
      <c r="L16" s="25">
        <v>1</v>
      </c>
      <c r="M16" s="25">
        <v>0</v>
      </c>
      <c r="N16" s="25">
        <v>0</v>
      </c>
      <c r="O16" s="25">
        <v>0</v>
      </c>
      <c r="P16" s="25">
        <v>4</v>
      </c>
      <c r="Q16" s="28">
        <v>0.33333333333333331</v>
      </c>
      <c r="R16" s="24">
        <v>38</v>
      </c>
    </row>
    <row r="17" spans="1:18">
      <c r="A17" s="39" t="s">
        <v>90</v>
      </c>
      <c r="B17" s="26">
        <v>2</v>
      </c>
      <c r="C17" s="26">
        <v>12</v>
      </c>
      <c r="D17" s="26">
        <v>0</v>
      </c>
      <c r="E17" s="26">
        <v>0</v>
      </c>
      <c r="F17" s="26">
        <v>0</v>
      </c>
      <c r="G17" s="26">
        <v>14</v>
      </c>
      <c r="H17" s="42">
        <v>-0.33333333333333331</v>
      </c>
      <c r="I17" s="15">
        <v>70</v>
      </c>
      <c r="J17" s="27"/>
      <c r="K17" s="26">
        <v>3</v>
      </c>
      <c r="L17" s="26">
        <v>18</v>
      </c>
      <c r="M17" s="26">
        <v>0</v>
      </c>
      <c r="N17" s="26">
        <v>0</v>
      </c>
      <c r="O17" s="26">
        <v>0</v>
      </c>
      <c r="P17" s="26">
        <v>21</v>
      </c>
      <c r="Q17" s="29">
        <v>2.5</v>
      </c>
      <c r="R17" s="15">
        <v>8</v>
      </c>
    </row>
    <row r="18" spans="1:18">
      <c r="A18" s="38" t="s">
        <v>91</v>
      </c>
      <c r="B18" s="25">
        <v>63</v>
      </c>
      <c r="C18" s="25">
        <v>89</v>
      </c>
      <c r="D18" s="25">
        <v>0</v>
      </c>
      <c r="E18" s="25">
        <v>0</v>
      </c>
      <c r="F18" s="25">
        <v>19</v>
      </c>
      <c r="G18" s="25">
        <v>171</v>
      </c>
      <c r="H18" s="41">
        <v>0.5267857142857143</v>
      </c>
      <c r="I18" s="24">
        <v>32</v>
      </c>
      <c r="J18" s="27"/>
      <c r="K18" s="25">
        <v>9</v>
      </c>
      <c r="L18" s="25">
        <v>99</v>
      </c>
      <c r="M18" s="25">
        <v>0</v>
      </c>
      <c r="N18" s="25">
        <v>0</v>
      </c>
      <c r="O18" s="25">
        <v>4</v>
      </c>
      <c r="P18" s="25">
        <v>112</v>
      </c>
      <c r="Q18" s="28">
        <v>3.3076923076923075</v>
      </c>
      <c r="R18" s="24">
        <v>5</v>
      </c>
    </row>
    <row r="19" spans="1:18">
      <c r="A19" s="39" t="s">
        <v>92</v>
      </c>
      <c r="B19" s="26">
        <v>23</v>
      </c>
      <c r="C19" s="26">
        <v>52</v>
      </c>
      <c r="D19" s="26">
        <v>0</v>
      </c>
      <c r="E19" s="26">
        <v>0</v>
      </c>
      <c r="F19" s="26">
        <v>0</v>
      </c>
      <c r="G19" s="26">
        <v>75</v>
      </c>
      <c r="H19" s="42">
        <v>0.36363636363636365</v>
      </c>
      <c r="I19" s="15">
        <v>41</v>
      </c>
      <c r="J19" s="27"/>
      <c r="K19" s="26">
        <v>30</v>
      </c>
      <c r="L19" s="26">
        <v>25</v>
      </c>
      <c r="M19" s="26">
        <v>0</v>
      </c>
      <c r="N19" s="26">
        <v>0</v>
      </c>
      <c r="O19" s="26">
        <v>0</v>
      </c>
      <c r="P19" s="26">
        <v>55</v>
      </c>
      <c r="Q19" s="29">
        <v>3.7735849056603772E-2</v>
      </c>
      <c r="R19" s="15">
        <v>48</v>
      </c>
    </row>
    <row r="20" spans="1:18">
      <c r="A20" s="38" t="s">
        <v>93</v>
      </c>
      <c r="B20" s="25">
        <v>0</v>
      </c>
      <c r="C20" s="25">
        <v>2</v>
      </c>
      <c r="D20" s="25">
        <v>0</v>
      </c>
      <c r="E20" s="25">
        <v>0</v>
      </c>
      <c r="F20" s="25">
        <v>0</v>
      </c>
      <c r="G20" s="25">
        <v>2</v>
      </c>
      <c r="H20" s="41">
        <v>-0.7142857142857143</v>
      </c>
      <c r="I20" s="24">
        <v>80</v>
      </c>
      <c r="J20" s="27"/>
      <c r="K20" s="25">
        <v>2</v>
      </c>
      <c r="L20" s="25">
        <v>5</v>
      </c>
      <c r="M20" s="25">
        <v>0</v>
      </c>
      <c r="N20" s="25">
        <v>0</v>
      </c>
      <c r="O20" s="25">
        <v>0</v>
      </c>
      <c r="P20" s="25">
        <v>7</v>
      </c>
      <c r="Q20" s="28">
        <v>0</v>
      </c>
      <c r="R20" s="24">
        <v>49</v>
      </c>
    </row>
    <row r="21" spans="1:18">
      <c r="A21" s="39" t="s">
        <v>94</v>
      </c>
      <c r="B21" s="26">
        <v>17</v>
      </c>
      <c r="C21" s="26">
        <v>31</v>
      </c>
      <c r="D21" s="26">
        <v>0</v>
      </c>
      <c r="E21" s="26">
        <v>0</v>
      </c>
      <c r="F21" s="26">
        <v>5</v>
      </c>
      <c r="G21" s="26">
        <v>53</v>
      </c>
      <c r="H21" s="42">
        <v>-0.18461538461538463</v>
      </c>
      <c r="I21" s="15">
        <v>64</v>
      </c>
      <c r="J21" s="27"/>
      <c r="K21" s="26">
        <v>10</v>
      </c>
      <c r="L21" s="26">
        <v>51</v>
      </c>
      <c r="M21" s="26">
        <v>0</v>
      </c>
      <c r="N21" s="26">
        <v>0</v>
      </c>
      <c r="O21" s="26">
        <v>4</v>
      </c>
      <c r="P21" s="26">
        <v>65</v>
      </c>
      <c r="Q21" s="29">
        <v>0.27450980392156865</v>
      </c>
      <c r="R21" s="15">
        <v>42</v>
      </c>
    </row>
    <row r="22" spans="1:18">
      <c r="A22" s="38" t="s">
        <v>95</v>
      </c>
      <c r="B22" s="25">
        <v>0</v>
      </c>
      <c r="C22" s="25">
        <v>0</v>
      </c>
      <c r="D22" s="25">
        <v>0</v>
      </c>
      <c r="E22" s="25">
        <v>0</v>
      </c>
      <c r="F22" s="25">
        <v>0</v>
      </c>
      <c r="G22" s="25">
        <v>0</v>
      </c>
      <c r="H22" s="41">
        <v>-1</v>
      </c>
      <c r="I22" s="24">
        <v>81</v>
      </c>
      <c r="J22" s="27"/>
      <c r="K22" s="25">
        <v>3</v>
      </c>
      <c r="L22" s="25">
        <v>2</v>
      </c>
      <c r="M22" s="25">
        <v>0</v>
      </c>
      <c r="N22" s="25">
        <v>0</v>
      </c>
      <c r="O22" s="25">
        <v>0</v>
      </c>
      <c r="P22" s="25">
        <v>5</v>
      </c>
      <c r="Q22" s="28">
        <v>-0.2857142857142857</v>
      </c>
      <c r="R22" s="24">
        <v>71</v>
      </c>
    </row>
    <row r="23" spans="1:18">
      <c r="A23" s="39" t="s">
        <v>96</v>
      </c>
      <c r="B23" s="26">
        <v>43</v>
      </c>
      <c r="C23" s="26">
        <v>34</v>
      </c>
      <c r="D23" s="26">
        <v>0</v>
      </c>
      <c r="E23" s="26">
        <v>0</v>
      </c>
      <c r="F23" s="26">
        <v>19</v>
      </c>
      <c r="G23" s="26">
        <v>96</v>
      </c>
      <c r="H23" s="42">
        <v>1.3414634146341464</v>
      </c>
      <c r="I23" s="15">
        <v>12</v>
      </c>
      <c r="J23" s="27"/>
      <c r="K23" s="26">
        <v>21</v>
      </c>
      <c r="L23" s="26">
        <v>20</v>
      </c>
      <c r="M23" s="26">
        <v>0</v>
      </c>
      <c r="N23" s="26">
        <v>0</v>
      </c>
      <c r="O23" s="26">
        <v>0</v>
      </c>
      <c r="P23" s="26">
        <v>41</v>
      </c>
      <c r="Q23" s="29">
        <v>0.36666666666666664</v>
      </c>
      <c r="R23" s="15">
        <v>37</v>
      </c>
    </row>
    <row r="24" spans="1:18">
      <c r="A24" s="38" t="s">
        <v>97</v>
      </c>
      <c r="B24" s="25">
        <v>0</v>
      </c>
      <c r="C24" s="25">
        <v>2</v>
      </c>
      <c r="D24" s="25">
        <v>1</v>
      </c>
      <c r="E24" s="25">
        <v>0</v>
      </c>
      <c r="F24" s="25">
        <v>0</v>
      </c>
      <c r="G24" s="25">
        <v>3</v>
      </c>
      <c r="H24" s="41">
        <v>2</v>
      </c>
      <c r="I24" s="24">
        <v>6</v>
      </c>
      <c r="J24" s="27"/>
      <c r="K24" s="25">
        <v>1</v>
      </c>
      <c r="L24" s="25">
        <v>0</v>
      </c>
      <c r="M24" s="25">
        <v>0</v>
      </c>
      <c r="N24" s="25">
        <v>0</v>
      </c>
      <c r="O24" s="25">
        <v>0</v>
      </c>
      <c r="P24" s="25">
        <v>1</v>
      </c>
      <c r="Q24" s="28" t="s">
        <v>196</v>
      </c>
      <c r="R24" s="24" t="s">
        <v>197</v>
      </c>
    </row>
    <row r="25" spans="1:18">
      <c r="A25" s="39" t="s">
        <v>98</v>
      </c>
      <c r="B25" s="26">
        <v>0</v>
      </c>
      <c r="C25" s="26">
        <v>0</v>
      </c>
      <c r="D25" s="26">
        <v>0</v>
      </c>
      <c r="E25" s="26">
        <v>0</v>
      </c>
      <c r="F25" s="26">
        <v>0</v>
      </c>
      <c r="G25" s="26">
        <v>0</v>
      </c>
      <c r="H25" s="42" t="s">
        <v>196</v>
      </c>
      <c r="I25" s="15" t="s">
        <v>197</v>
      </c>
      <c r="J25" s="27"/>
      <c r="K25" s="26">
        <v>0</v>
      </c>
      <c r="L25" s="26">
        <v>0</v>
      </c>
      <c r="M25" s="26">
        <v>0</v>
      </c>
      <c r="N25" s="26">
        <v>0</v>
      </c>
      <c r="O25" s="26">
        <v>0</v>
      </c>
      <c r="P25" s="26">
        <v>0</v>
      </c>
      <c r="Q25" s="29" t="s">
        <v>196</v>
      </c>
      <c r="R25" s="15" t="s">
        <v>197</v>
      </c>
    </row>
    <row r="26" spans="1:18">
      <c r="A26" s="38" t="s">
        <v>99</v>
      </c>
      <c r="B26" s="25">
        <v>1</v>
      </c>
      <c r="C26" s="25">
        <v>0</v>
      </c>
      <c r="D26" s="25">
        <v>0</v>
      </c>
      <c r="E26" s="25">
        <v>0</v>
      </c>
      <c r="F26" s="25">
        <v>0</v>
      </c>
      <c r="G26" s="25">
        <v>1</v>
      </c>
      <c r="H26" s="41">
        <v>-0.5</v>
      </c>
      <c r="I26" s="24">
        <v>75</v>
      </c>
      <c r="J26" s="27"/>
      <c r="K26" s="25">
        <v>0</v>
      </c>
      <c r="L26" s="25">
        <v>0</v>
      </c>
      <c r="M26" s="25">
        <v>0</v>
      </c>
      <c r="N26" s="25">
        <v>2</v>
      </c>
      <c r="O26" s="25">
        <v>0</v>
      </c>
      <c r="P26" s="25">
        <v>2</v>
      </c>
      <c r="Q26" s="28" t="s">
        <v>196</v>
      </c>
      <c r="R26" s="24" t="s">
        <v>197</v>
      </c>
    </row>
    <row r="27" spans="1:18">
      <c r="A27" s="39" t="s">
        <v>102</v>
      </c>
      <c r="B27" s="26">
        <v>3</v>
      </c>
      <c r="C27" s="26">
        <v>2</v>
      </c>
      <c r="D27" s="26">
        <v>0</v>
      </c>
      <c r="E27" s="26">
        <v>0</v>
      </c>
      <c r="F27" s="26">
        <v>0</v>
      </c>
      <c r="G27" s="26">
        <v>5</v>
      </c>
      <c r="H27" s="42">
        <v>0.66666666666666663</v>
      </c>
      <c r="I27" s="15">
        <v>28</v>
      </c>
      <c r="J27" s="27"/>
      <c r="K27" s="26">
        <v>3</v>
      </c>
      <c r="L27" s="26">
        <v>0</v>
      </c>
      <c r="M27" s="26">
        <v>0</v>
      </c>
      <c r="N27" s="26">
        <v>0</v>
      </c>
      <c r="O27" s="26">
        <v>0</v>
      </c>
      <c r="P27" s="26">
        <v>3</v>
      </c>
      <c r="Q27" s="29">
        <v>2</v>
      </c>
      <c r="R27" s="15">
        <v>9</v>
      </c>
    </row>
    <row r="28" spans="1:18">
      <c r="A28" s="38" t="s">
        <v>103</v>
      </c>
      <c r="B28" s="25">
        <v>2</v>
      </c>
      <c r="C28" s="25">
        <v>1</v>
      </c>
      <c r="D28" s="25">
        <v>0</v>
      </c>
      <c r="E28" s="25">
        <v>0</v>
      </c>
      <c r="F28" s="25">
        <v>2</v>
      </c>
      <c r="G28" s="25">
        <v>5</v>
      </c>
      <c r="H28" s="41">
        <v>0.25</v>
      </c>
      <c r="I28" s="24">
        <v>50</v>
      </c>
      <c r="J28" s="27"/>
      <c r="K28" s="25">
        <v>4</v>
      </c>
      <c r="L28" s="25">
        <v>0</v>
      </c>
      <c r="M28" s="25">
        <v>0</v>
      </c>
      <c r="N28" s="25">
        <v>0</v>
      </c>
      <c r="O28" s="25">
        <v>0</v>
      </c>
      <c r="P28" s="25">
        <v>4</v>
      </c>
      <c r="Q28" s="28">
        <v>1</v>
      </c>
      <c r="R28" s="24">
        <v>21</v>
      </c>
    </row>
    <row r="29" spans="1:18">
      <c r="A29" s="39" t="s">
        <v>104</v>
      </c>
      <c r="B29" s="26">
        <v>43</v>
      </c>
      <c r="C29" s="26">
        <v>24</v>
      </c>
      <c r="D29" s="26">
        <v>0</v>
      </c>
      <c r="E29" s="26">
        <v>0</v>
      </c>
      <c r="F29" s="26">
        <v>0</v>
      </c>
      <c r="G29" s="26">
        <v>67</v>
      </c>
      <c r="H29" s="42">
        <v>0.34</v>
      </c>
      <c r="I29" s="15">
        <v>43</v>
      </c>
      <c r="J29" s="27"/>
      <c r="K29" s="26">
        <v>35</v>
      </c>
      <c r="L29" s="26">
        <v>15</v>
      </c>
      <c r="M29" s="26">
        <v>0</v>
      </c>
      <c r="N29" s="26">
        <v>0</v>
      </c>
      <c r="O29" s="26">
        <v>0</v>
      </c>
      <c r="P29" s="26">
        <v>50</v>
      </c>
      <c r="Q29" s="29">
        <v>1.173913043478261</v>
      </c>
      <c r="R29" s="15">
        <v>19</v>
      </c>
    </row>
    <row r="30" spans="1:18">
      <c r="A30" s="38" t="s">
        <v>105</v>
      </c>
      <c r="B30" s="25">
        <v>0</v>
      </c>
      <c r="C30" s="25">
        <v>0</v>
      </c>
      <c r="D30" s="25">
        <v>0</v>
      </c>
      <c r="E30" s="25">
        <v>0</v>
      </c>
      <c r="F30" s="25">
        <v>0</v>
      </c>
      <c r="G30" s="25">
        <v>0</v>
      </c>
      <c r="H30" s="41">
        <v>-1</v>
      </c>
      <c r="I30" s="24">
        <v>81</v>
      </c>
      <c r="J30" s="27"/>
      <c r="K30" s="25">
        <v>0</v>
      </c>
      <c r="L30" s="25">
        <v>1</v>
      </c>
      <c r="M30" s="25">
        <v>0</v>
      </c>
      <c r="N30" s="25">
        <v>0</v>
      </c>
      <c r="O30" s="25">
        <v>0</v>
      </c>
      <c r="P30" s="25">
        <v>1</v>
      </c>
      <c r="Q30" s="28">
        <v>0</v>
      </c>
      <c r="R30" s="24">
        <v>49</v>
      </c>
    </row>
    <row r="31" spans="1:18">
      <c r="A31" s="39" t="s">
        <v>106</v>
      </c>
      <c r="B31" s="26">
        <v>2</v>
      </c>
      <c r="C31" s="26">
        <v>3</v>
      </c>
      <c r="D31" s="26">
        <v>0</v>
      </c>
      <c r="E31" s="26">
        <v>0</v>
      </c>
      <c r="F31" s="26">
        <v>0</v>
      </c>
      <c r="G31" s="26">
        <v>5</v>
      </c>
      <c r="H31" s="42">
        <v>-0.375</v>
      </c>
      <c r="I31" s="15">
        <v>72</v>
      </c>
      <c r="J31" s="27"/>
      <c r="K31" s="26">
        <v>4</v>
      </c>
      <c r="L31" s="26">
        <v>4</v>
      </c>
      <c r="M31" s="26">
        <v>0</v>
      </c>
      <c r="N31" s="26">
        <v>0</v>
      </c>
      <c r="O31" s="26">
        <v>0</v>
      </c>
      <c r="P31" s="26">
        <v>8</v>
      </c>
      <c r="Q31" s="29">
        <v>0.14285714285714285</v>
      </c>
      <c r="R31" s="15">
        <v>45</v>
      </c>
    </row>
    <row r="32" spans="1:18">
      <c r="A32" s="38" t="s">
        <v>107</v>
      </c>
      <c r="B32" s="25">
        <v>3</v>
      </c>
      <c r="C32" s="25">
        <v>8</v>
      </c>
      <c r="D32" s="25">
        <v>0</v>
      </c>
      <c r="E32" s="25">
        <v>0</v>
      </c>
      <c r="F32" s="25">
        <v>0</v>
      </c>
      <c r="G32" s="25">
        <v>11</v>
      </c>
      <c r="H32" s="41">
        <v>2.6666666666666665</v>
      </c>
      <c r="I32" s="24">
        <v>4</v>
      </c>
      <c r="J32" s="27"/>
      <c r="K32" s="25">
        <v>0</v>
      </c>
      <c r="L32" s="25">
        <v>3</v>
      </c>
      <c r="M32" s="25">
        <v>0</v>
      </c>
      <c r="N32" s="25">
        <v>0</v>
      </c>
      <c r="O32" s="25">
        <v>0</v>
      </c>
      <c r="P32" s="25">
        <v>3</v>
      </c>
      <c r="Q32" s="28">
        <v>-0.25</v>
      </c>
      <c r="R32" s="24">
        <v>66</v>
      </c>
    </row>
    <row r="33" spans="1:18">
      <c r="A33" s="39" t="s">
        <v>100</v>
      </c>
      <c r="B33" s="26">
        <v>5</v>
      </c>
      <c r="C33" s="26">
        <v>2</v>
      </c>
      <c r="D33" s="26">
        <v>0</v>
      </c>
      <c r="E33" s="26">
        <v>0</v>
      </c>
      <c r="F33" s="26">
        <v>0</v>
      </c>
      <c r="G33" s="26">
        <v>7</v>
      </c>
      <c r="H33" s="42">
        <v>6</v>
      </c>
      <c r="I33" s="15">
        <v>2</v>
      </c>
      <c r="J33" s="27"/>
      <c r="K33" s="26">
        <v>1</v>
      </c>
      <c r="L33" s="26">
        <v>0</v>
      </c>
      <c r="M33" s="26">
        <v>0</v>
      </c>
      <c r="N33" s="26">
        <v>0</v>
      </c>
      <c r="O33" s="26">
        <v>0</v>
      </c>
      <c r="P33" s="26">
        <v>1</v>
      </c>
      <c r="Q33" s="29">
        <v>-0.5</v>
      </c>
      <c r="R33" s="15">
        <v>73</v>
      </c>
    </row>
    <row r="34" spans="1:18">
      <c r="A34" s="38" t="s">
        <v>101</v>
      </c>
      <c r="B34" s="25">
        <v>0</v>
      </c>
      <c r="C34" s="25">
        <v>0</v>
      </c>
      <c r="D34" s="25">
        <v>0</v>
      </c>
      <c r="E34" s="25">
        <v>0</v>
      </c>
      <c r="F34" s="25">
        <v>0</v>
      </c>
      <c r="G34" s="25">
        <v>0</v>
      </c>
      <c r="H34" s="41" t="s">
        <v>196</v>
      </c>
      <c r="I34" s="24" t="s">
        <v>197</v>
      </c>
      <c r="J34" s="27"/>
      <c r="K34" s="25">
        <v>0</v>
      </c>
      <c r="L34" s="25">
        <v>0</v>
      </c>
      <c r="M34" s="25">
        <v>0</v>
      </c>
      <c r="N34" s="25">
        <v>0</v>
      </c>
      <c r="O34" s="25">
        <v>0</v>
      </c>
      <c r="P34" s="25">
        <v>0</v>
      </c>
      <c r="Q34" s="28">
        <v>-1</v>
      </c>
      <c r="R34" s="24">
        <v>79</v>
      </c>
    </row>
    <row r="35" spans="1:18">
      <c r="A35" s="39" t="s">
        <v>108</v>
      </c>
      <c r="B35" s="26">
        <v>0</v>
      </c>
      <c r="C35" s="26">
        <v>1</v>
      </c>
      <c r="D35" s="26">
        <v>1</v>
      </c>
      <c r="E35" s="26">
        <v>0</v>
      </c>
      <c r="F35" s="26">
        <v>0</v>
      </c>
      <c r="G35" s="26">
        <v>2</v>
      </c>
      <c r="H35" s="42">
        <v>1</v>
      </c>
      <c r="I35" s="15">
        <v>17</v>
      </c>
      <c r="J35" s="27"/>
      <c r="K35" s="26">
        <v>0</v>
      </c>
      <c r="L35" s="26">
        <v>1</v>
      </c>
      <c r="M35" s="26">
        <v>0</v>
      </c>
      <c r="N35" s="26">
        <v>0</v>
      </c>
      <c r="O35" s="26">
        <v>0</v>
      </c>
      <c r="P35" s="26">
        <v>1</v>
      </c>
      <c r="Q35" s="29">
        <v>-0.75</v>
      </c>
      <c r="R35" s="15">
        <v>77</v>
      </c>
    </row>
    <row r="36" spans="1:18">
      <c r="A36" s="38" t="s">
        <v>109</v>
      </c>
      <c r="B36" s="25">
        <v>3</v>
      </c>
      <c r="C36" s="25">
        <v>0</v>
      </c>
      <c r="D36" s="25">
        <v>0</v>
      </c>
      <c r="E36" s="25">
        <v>0</v>
      </c>
      <c r="F36" s="25">
        <v>0</v>
      </c>
      <c r="G36" s="25">
        <v>3</v>
      </c>
      <c r="H36" s="41">
        <v>0</v>
      </c>
      <c r="I36" s="24">
        <v>54</v>
      </c>
      <c r="J36" s="27"/>
      <c r="K36" s="25">
        <v>1</v>
      </c>
      <c r="L36" s="25">
        <v>1</v>
      </c>
      <c r="M36" s="25">
        <v>0</v>
      </c>
      <c r="N36" s="25">
        <v>1</v>
      </c>
      <c r="O36" s="25">
        <v>0</v>
      </c>
      <c r="P36" s="25">
        <v>3</v>
      </c>
      <c r="Q36" s="28">
        <v>-0.25</v>
      </c>
      <c r="R36" s="24">
        <v>66</v>
      </c>
    </row>
    <row r="37" spans="1:18">
      <c r="A37" s="39" t="s">
        <v>110</v>
      </c>
      <c r="B37" s="26">
        <v>1</v>
      </c>
      <c r="C37" s="26">
        <v>4</v>
      </c>
      <c r="D37" s="26">
        <v>0</v>
      </c>
      <c r="E37" s="26">
        <v>0</v>
      </c>
      <c r="F37" s="26">
        <v>0</v>
      </c>
      <c r="G37" s="26">
        <v>5</v>
      </c>
      <c r="H37" s="42">
        <v>-0.2857142857142857</v>
      </c>
      <c r="I37" s="15">
        <v>69</v>
      </c>
      <c r="J37" s="27"/>
      <c r="K37" s="26">
        <v>2</v>
      </c>
      <c r="L37" s="26">
        <v>5</v>
      </c>
      <c r="M37" s="26">
        <v>0</v>
      </c>
      <c r="N37" s="26">
        <v>0</v>
      </c>
      <c r="O37" s="26">
        <v>0</v>
      </c>
      <c r="P37" s="26">
        <v>7</v>
      </c>
      <c r="Q37" s="29">
        <v>1.3333333333333333</v>
      </c>
      <c r="R37" s="15">
        <v>16</v>
      </c>
    </row>
    <row r="38" spans="1:18">
      <c r="A38" s="38" t="s">
        <v>111</v>
      </c>
      <c r="B38" s="25">
        <v>2</v>
      </c>
      <c r="C38" s="25">
        <v>3</v>
      </c>
      <c r="D38" s="25">
        <v>0</v>
      </c>
      <c r="E38" s="25">
        <v>0</v>
      </c>
      <c r="F38" s="25">
        <v>0</v>
      </c>
      <c r="G38" s="25">
        <v>5</v>
      </c>
      <c r="H38" s="41">
        <v>-0.44444444444444442</v>
      </c>
      <c r="I38" s="24">
        <v>74</v>
      </c>
      <c r="J38" s="27"/>
      <c r="K38" s="25">
        <v>3</v>
      </c>
      <c r="L38" s="25">
        <v>6</v>
      </c>
      <c r="M38" s="25">
        <v>0</v>
      </c>
      <c r="N38" s="25">
        <v>0</v>
      </c>
      <c r="O38" s="25">
        <v>0</v>
      </c>
      <c r="P38" s="25">
        <v>9</v>
      </c>
      <c r="Q38" s="28">
        <v>-0.1</v>
      </c>
      <c r="R38" s="24">
        <v>60</v>
      </c>
    </row>
    <row r="39" spans="1:18">
      <c r="A39" s="39" t="s">
        <v>112</v>
      </c>
      <c r="B39" s="26">
        <v>0</v>
      </c>
      <c r="C39" s="26">
        <v>2</v>
      </c>
      <c r="D39" s="26">
        <v>0</v>
      </c>
      <c r="E39" s="26">
        <v>0</v>
      </c>
      <c r="F39" s="26">
        <v>0</v>
      </c>
      <c r="G39" s="26">
        <v>2</v>
      </c>
      <c r="H39" s="42">
        <v>-0.33333333333333331</v>
      </c>
      <c r="I39" s="15">
        <v>70</v>
      </c>
      <c r="J39" s="27"/>
      <c r="K39" s="26">
        <v>0</v>
      </c>
      <c r="L39" s="26">
        <v>3</v>
      </c>
      <c r="M39" s="26">
        <v>0</v>
      </c>
      <c r="N39" s="26">
        <v>0</v>
      </c>
      <c r="O39" s="26">
        <v>0</v>
      </c>
      <c r="P39" s="26">
        <v>3</v>
      </c>
      <c r="Q39" s="29">
        <v>2</v>
      </c>
      <c r="R39" s="15">
        <v>9</v>
      </c>
    </row>
    <row r="40" spans="1:18">
      <c r="A40" s="38" t="s">
        <v>113</v>
      </c>
      <c r="B40" s="25">
        <v>2</v>
      </c>
      <c r="C40" s="25">
        <v>9</v>
      </c>
      <c r="D40" s="25">
        <v>0</v>
      </c>
      <c r="E40" s="25">
        <v>0</v>
      </c>
      <c r="F40" s="25">
        <v>0</v>
      </c>
      <c r="G40" s="25">
        <v>11</v>
      </c>
      <c r="H40" s="41">
        <v>0.22222222222222221</v>
      </c>
      <c r="I40" s="24">
        <v>52</v>
      </c>
      <c r="J40" s="27"/>
      <c r="K40" s="25">
        <v>4</v>
      </c>
      <c r="L40" s="25">
        <v>4</v>
      </c>
      <c r="M40" s="25">
        <v>1</v>
      </c>
      <c r="N40" s="25">
        <v>0</v>
      </c>
      <c r="O40" s="25">
        <v>0</v>
      </c>
      <c r="P40" s="25">
        <v>9</v>
      </c>
      <c r="Q40" s="28">
        <v>0.8</v>
      </c>
      <c r="R40" s="24">
        <v>26</v>
      </c>
    </row>
    <row r="41" spans="1:18">
      <c r="A41" s="39" t="s">
        <v>116</v>
      </c>
      <c r="B41" s="26">
        <v>1</v>
      </c>
      <c r="C41" s="26">
        <v>3</v>
      </c>
      <c r="D41" s="26">
        <v>0</v>
      </c>
      <c r="E41" s="26">
        <v>0</v>
      </c>
      <c r="F41" s="26">
        <v>0</v>
      </c>
      <c r="G41" s="26">
        <v>4</v>
      </c>
      <c r="H41" s="42">
        <v>-0.2</v>
      </c>
      <c r="I41" s="15">
        <v>65</v>
      </c>
      <c r="J41" s="27"/>
      <c r="K41" s="26">
        <v>4</v>
      </c>
      <c r="L41" s="26">
        <v>1</v>
      </c>
      <c r="M41" s="26">
        <v>0</v>
      </c>
      <c r="N41" s="26">
        <v>0</v>
      </c>
      <c r="O41" s="26">
        <v>0</v>
      </c>
      <c r="P41" s="26">
        <v>5</v>
      </c>
      <c r="Q41" s="29">
        <v>1.5</v>
      </c>
      <c r="R41" s="15">
        <v>15</v>
      </c>
    </row>
    <row r="42" spans="1:18">
      <c r="A42" s="38" t="s">
        <v>115</v>
      </c>
      <c r="B42" s="25">
        <v>15</v>
      </c>
      <c r="C42" s="25">
        <v>8</v>
      </c>
      <c r="D42" s="25">
        <v>0</v>
      </c>
      <c r="E42" s="25">
        <v>1</v>
      </c>
      <c r="F42" s="25">
        <v>0</v>
      </c>
      <c r="G42" s="25">
        <v>24</v>
      </c>
      <c r="H42" s="41">
        <v>-0.1111111111111111</v>
      </c>
      <c r="I42" s="24">
        <v>61</v>
      </c>
      <c r="J42" s="27"/>
      <c r="K42" s="25">
        <v>16</v>
      </c>
      <c r="L42" s="25">
        <v>10</v>
      </c>
      <c r="M42" s="25">
        <v>0</v>
      </c>
      <c r="N42" s="25">
        <v>1</v>
      </c>
      <c r="O42" s="25">
        <v>0</v>
      </c>
      <c r="P42" s="25">
        <v>27</v>
      </c>
      <c r="Q42" s="28">
        <v>0.58823529411764708</v>
      </c>
      <c r="R42" s="24">
        <v>31</v>
      </c>
    </row>
    <row r="43" spans="1:18">
      <c r="A43" s="39" t="s">
        <v>114</v>
      </c>
      <c r="B43" s="26">
        <v>9</v>
      </c>
      <c r="C43" s="26">
        <v>15</v>
      </c>
      <c r="D43" s="26">
        <v>0</v>
      </c>
      <c r="E43" s="26">
        <v>0</v>
      </c>
      <c r="F43" s="26">
        <v>0</v>
      </c>
      <c r="G43" s="26">
        <v>24</v>
      </c>
      <c r="H43" s="42">
        <v>0.41176470588235292</v>
      </c>
      <c r="I43" s="15">
        <v>38</v>
      </c>
      <c r="J43" s="27"/>
      <c r="K43" s="26">
        <v>10</v>
      </c>
      <c r="L43" s="26">
        <v>7</v>
      </c>
      <c r="M43" s="26">
        <v>0</v>
      </c>
      <c r="N43" s="26">
        <v>0</v>
      </c>
      <c r="O43" s="26">
        <v>0</v>
      </c>
      <c r="P43" s="26">
        <v>17</v>
      </c>
      <c r="Q43" s="29">
        <v>0.30769230769230771</v>
      </c>
      <c r="R43" s="15">
        <v>40</v>
      </c>
    </row>
    <row r="44" spans="1:18">
      <c r="A44" s="38" t="s">
        <v>117</v>
      </c>
      <c r="B44" s="25">
        <v>6</v>
      </c>
      <c r="C44" s="25">
        <v>2</v>
      </c>
      <c r="D44" s="25">
        <v>0</v>
      </c>
      <c r="E44" s="25">
        <v>1</v>
      </c>
      <c r="F44" s="25">
        <v>0</v>
      </c>
      <c r="G44" s="25">
        <v>9</v>
      </c>
      <c r="H44" s="41">
        <v>-0.18181818181818182</v>
      </c>
      <c r="I44" s="24">
        <v>63</v>
      </c>
      <c r="J44" s="27"/>
      <c r="K44" s="25">
        <v>8</v>
      </c>
      <c r="L44" s="25">
        <v>3</v>
      </c>
      <c r="M44" s="25">
        <v>0</v>
      </c>
      <c r="N44" s="25">
        <v>0</v>
      </c>
      <c r="O44" s="25">
        <v>0</v>
      </c>
      <c r="P44" s="25">
        <v>11</v>
      </c>
      <c r="Q44" s="28">
        <v>-0.15384615384615385</v>
      </c>
      <c r="R44" s="24">
        <v>63</v>
      </c>
    </row>
    <row r="45" spans="1:18">
      <c r="A45" s="39" t="s">
        <v>118</v>
      </c>
      <c r="B45" s="26">
        <v>4</v>
      </c>
      <c r="C45" s="26">
        <v>1</v>
      </c>
      <c r="D45" s="26">
        <v>0</v>
      </c>
      <c r="E45" s="26">
        <v>1</v>
      </c>
      <c r="F45" s="26">
        <v>0</v>
      </c>
      <c r="G45" s="26">
        <v>6</v>
      </c>
      <c r="H45" s="42">
        <v>1</v>
      </c>
      <c r="I45" s="15">
        <v>17</v>
      </c>
      <c r="J45" s="27"/>
      <c r="K45" s="26">
        <v>2</v>
      </c>
      <c r="L45" s="26">
        <v>1</v>
      </c>
      <c r="M45" s="26">
        <v>0</v>
      </c>
      <c r="N45" s="26">
        <v>0</v>
      </c>
      <c r="O45" s="26">
        <v>0</v>
      </c>
      <c r="P45" s="26">
        <v>3</v>
      </c>
      <c r="Q45" s="29">
        <v>-0.66666666666666663</v>
      </c>
      <c r="R45" s="15">
        <v>75</v>
      </c>
    </row>
    <row r="46" spans="1:18">
      <c r="A46" s="38" t="s">
        <v>119</v>
      </c>
      <c r="B46" s="25">
        <v>2</v>
      </c>
      <c r="C46" s="25">
        <v>4</v>
      </c>
      <c r="D46" s="25">
        <v>0</v>
      </c>
      <c r="E46" s="25">
        <v>0</v>
      </c>
      <c r="F46" s="25">
        <v>0</v>
      </c>
      <c r="G46" s="25">
        <v>6</v>
      </c>
      <c r="H46" s="41">
        <v>-0.14285714285714285</v>
      </c>
      <c r="I46" s="24">
        <v>62</v>
      </c>
      <c r="J46" s="27"/>
      <c r="K46" s="25">
        <v>6</v>
      </c>
      <c r="L46" s="25">
        <v>1</v>
      </c>
      <c r="M46" s="25">
        <v>0</v>
      </c>
      <c r="N46" s="25">
        <v>0</v>
      </c>
      <c r="O46" s="25">
        <v>0</v>
      </c>
      <c r="P46" s="25">
        <v>7</v>
      </c>
      <c r="Q46" s="28">
        <v>-0.125</v>
      </c>
      <c r="R46" s="24">
        <v>62</v>
      </c>
    </row>
    <row r="47" spans="1:18">
      <c r="A47" s="39" t="s">
        <v>122</v>
      </c>
      <c r="B47" s="26">
        <v>0</v>
      </c>
      <c r="C47" s="26">
        <v>0</v>
      </c>
      <c r="D47" s="26">
        <v>0</v>
      </c>
      <c r="E47" s="26">
        <v>0</v>
      </c>
      <c r="F47" s="26">
        <v>0</v>
      </c>
      <c r="G47" s="26">
        <v>0</v>
      </c>
      <c r="H47" s="42">
        <v>-1</v>
      </c>
      <c r="I47" s="15">
        <v>81</v>
      </c>
      <c r="J47" s="27"/>
      <c r="K47" s="26">
        <v>2</v>
      </c>
      <c r="L47" s="26">
        <v>11</v>
      </c>
      <c r="M47" s="26">
        <v>0</v>
      </c>
      <c r="N47" s="26">
        <v>0</v>
      </c>
      <c r="O47" s="26">
        <v>0</v>
      </c>
      <c r="P47" s="26">
        <v>13</v>
      </c>
      <c r="Q47" s="29">
        <v>12</v>
      </c>
      <c r="R47" s="15">
        <v>1</v>
      </c>
    </row>
    <row r="48" spans="1:18">
      <c r="A48" s="38" t="s">
        <v>123</v>
      </c>
      <c r="B48" s="25">
        <v>3</v>
      </c>
      <c r="C48" s="25">
        <v>7</v>
      </c>
      <c r="D48" s="25">
        <v>0</v>
      </c>
      <c r="E48" s="25">
        <v>0</v>
      </c>
      <c r="F48" s="25">
        <v>0</v>
      </c>
      <c r="G48" s="25">
        <v>10</v>
      </c>
      <c r="H48" s="41">
        <v>2.3333333333333335</v>
      </c>
      <c r="I48" s="24">
        <v>5</v>
      </c>
      <c r="J48" s="27"/>
      <c r="K48" s="25">
        <v>2</v>
      </c>
      <c r="L48" s="25">
        <v>1</v>
      </c>
      <c r="M48" s="25">
        <v>0</v>
      </c>
      <c r="N48" s="25">
        <v>0</v>
      </c>
      <c r="O48" s="25">
        <v>0</v>
      </c>
      <c r="P48" s="25">
        <v>3</v>
      </c>
      <c r="Q48" s="28">
        <v>-0.25</v>
      </c>
      <c r="R48" s="24">
        <v>66</v>
      </c>
    </row>
    <row r="49" spans="1:18">
      <c r="A49" s="39" t="s">
        <v>120</v>
      </c>
      <c r="B49" s="26">
        <v>18</v>
      </c>
      <c r="C49" s="26">
        <v>3</v>
      </c>
      <c r="D49" s="26">
        <v>0</v>
      </c>
      <c r="E49" s="26">
        <v>0</v>
      </c>
      <c r="F49" s="26">
        <v>0</v>
      </c>
      <c r="G49" s="26">
        <v>21</v>
      </c>
      <c r="H49" s="42">
        <v>20</v>
      </c>
      <c r="I49" s="15">
        <v>1</v>
      </c>
      <c r="J49" s="27"/>
      <c r="K49" s="26">
        <v>1</v>
      </c>
      <c r="L49" s="26">
        <v>0</v>
      </c>
      <c r="M49" s="26">
        <v>0</v>
      </c>
      <c r="N49" s="26">
        <v>0</v>
      </c>
      <c r="O49" s="26">
        <v>0</v>
      </c>
      <c r="P49" s="26">
        <v>1</v>
      </c>
      <c r="Q49" s="29">
        <v>-0.66666666666666663</v>
      </c>
      <c r="R49" s="15">
        <v>75</v>
      </c>
    </row>
    <row r="50" spans="1:18">
      <c r="A50" s="38" t="s">
        <v>121</v>
      </c>
      <c r="B50" s="25">
        <v>1</v>
      </c>
      <c r="C50" s="25">
        <v>8</v>
      </c>
      <c r="D50" s="25">
        <v>0</v>
      </c>
      <c r="E50" s="25">
        <v>0</v>
      </c>
      <c r="F50" s="25">
        <v>0</v>
      </c>
      <c r="G50" s="25">
        <v>9</v>
      </c>
      <c r="H50" s="41">
        <v>0</v>
      </c>
      <c r="I50" s="24">
        <v>54</v>
      </c>
      <c r="J50" s="27"/>
      <c r="K50" s="25">
        <v>0</v>
      </c>
      <c r="L50" s="25">
        <v>9</v>
      </c>
      <c r="M50" s="25">
        <v>0</v>
      </c>
      <c r="N50" s="25">
        <v>0</v>
      </c>
      <c r="O50" s="25">
        <v>0</v>
      </c>
      <c r="P50" s="25">
        <v>9</v>
      </c>
      <c r="Q50" s="28">
        <v>8</v>
      </c>
      <c r="R50" s="24">
        <v>2</v>
      </c>
    </row>
    <row r="51" spans="1:18">
      <c r="A51" s="39" t="s">
        <v>124</v>
      </c>
      <c r="B51" s="26">
        <v>1</v>
      </c>
      <c r="C51" s="26">
        <v>0</v>
      </c>
      <c r="D51" s="26">
        <v>0</v>
      </c>
      <c r="E51" s="26">
        <v>0</v>
      </c>
      <c r="F51" s="26">
        <v>0</v>
      </c>
      <c r="G51" s="26">
        <v>1</v>
      </c>
      <c r="H51" s="42">
        <v>0</v>
      </c>
      <c r="I51" s="15">
        <v>54</v>
      </c>
      <c r="J51" s="27"/>
      <c r="K51" s="26">
        <v>0</v>
      </c>
      <c r="L51" s="26">
        <v>1</v>
      </c>
      <c r="M51" s="26">
        <v>0</v>
      </c>
      <c r="N51" s="26">
        <v>0</v>
      </c>
      <c r="O51" s="26">
        <v>0</v>
      </c>
      <c r="P51" s="26">
        <v>1</v>
      </c>
      <c r="Q51" s="29" t="s">
        <v>196</v>
      </c>
      <c r="R51" s="15" t="s">
        <v>197</v>
      </c>
    </row>
    <row r="52" spans="1:18">
      <c r="A52" s="38" t="s">
        <v>129</v>
      </c>
      <c r="B52" s="25">
        <v>1</v>
      </c>
      <c r="C52" s="25">
        <v>2</v>
      </c>
      <c r="D52" s="25">
        <v>0</v>
      </c>
      <c r="E52" s="25">
        <v>0</v>
      </c>
      <c r="F52" s="25">
        <v>0</v>
      </c>
      <c r="G52" s="25">
        <v>3</v>
      </c>
      <c r="H52" s="41">
        <v>0.5</v>
      </c>
      <c r="I52" s="24">
        <v>33</v>
      </c>
      <c r="J52" s="27"/>
      <c r="K52" s="25">
        <v>0</v>
      </c>
      <c r="L52" s="25">
        <v>1</v>
      </c>
      <c r="M52" s="25">
        <v>0</v>
      </c>
      <c r="N52" s="25">
        <v>1</v>
      </c>
      <c r="O52" s="25">
        <v>0</v>
      </c>
      <c r="P52" s="25">
        <v>2</v>
      </c>
      <c r="Q52" s="28">
        <v>0</v>
      </c>
      <c r="R52" s="24">
        <v>49</v>
      </c>
    </row>
    <row r="53" spans="1:18">
      <c r="A53" s="39" t="s">
        <v>133</v>
      </c>
      <c r="B53" s="26">
        <v>13</v>
      </c>
      <c r="C53" s="26">
        <v>18</v>
      </c>
      <c r="D53" s="26">
        <v>0</v>
      </c>
      <c r="E53" s="26">
        <v>1</v>
      </c>
      <c r="F53" s="26">
        <v>0</v>
      </c>
      <c r="G53" s="26">
        <v>32</v>
      </c>
      <c r="H53" s="42">
        <v>1</v>
      </c>
      <c r="I53" s="15">
        <v>17</v>
      </c>
      <c r="J53" s="27"/>
      <c r="K53" s="26">
        <v>7</v>
      </c>
      <c r="L53" s="26">
        <v>9</v>
      </c>
      <c r="M53" s="26">
        <v>0</v>
      </c>
      <c r="N53" s="26">
        <v>0</v>
      </c>
      <c r="O53" s="26">
        <v>0</v>
      </c>
      <c r="P53" s="26">
        <v>16</v>
      </c>
      <c r="Q53" s="29">
        <v>-0.27272727272727271</v>
      </c>
      <c r="R53" s="15">
        <v>70</v>
      </c>
    </row>
    <row r="54" spans="1:18">
      <c r="A54" s="38" t="s">
        <v>130</v>
      </c>
      <c r="B54" s="25">
        <v>3</v>
      </c>
      <c r="C54" s="25">
        <v>3</v>
      </c>
      <c r="D54" s="25">
        <v>0</v>
      </c>
      <c r="E54" s="25">
        <v>0</v>
      </c>
      <c r="F54" s="25">
        <v>1</v>
      </c>
      <c r="G54" s="25">
        <v>7</v>
      </c>
      <c r="H54" s="41">
        <v>0.4</v>
      </c>
      <c r="I54" s="24">
        <v>39</v>
      </c>
      <c r="J54" s="27"/>
      <c r="K54" s="25">
        <v>2</v>
      </c>
      <c r="L54" s="25">
        <v>3</v>
      </c>
      <c r="M54" s="25">
        <v>0</v>
      </c>
      <c r="N54" s="25">
        <v>0</v>
      </c>
      <c r="O54" s="25">
        <v>0</v>
      </c>
      <c r="P54" s="25">
        <v>5</v>
      </c>
      <c r="Q54" s="28">
        <v>0.66666666666666663</v>
      </c>
      <c r="R54" s="24">
        <v>29</v>
      </c>
    </row>
    <row r="55" spans="1:18">
      <c r="A55" s="39" t="s">
        <v>131</v>
      </c>
      <c r="B55" s="26">
        <v>17</v>
      </c>
      <c r="C55" s="26">
        <v>69</v>
      </c>
      <c r="D55" s="26">
        <v>0</v>
      </c>
      <c r="E55" s="26">
        <v>2</v>
      </c>
      <c r="F55" s="26">
        <v>0</v>
      </c>
      <c r="G55" s="26">
        <v>88</v>
      </c>
      <c r="H55" s="42">
        <v>1.588235294117647</v>
      </c>
      <c r="I55" s="15">
        <v>10</v>
      </c>
      <c r="J55" s="27"/>
      <c r="K55" s="26">
        <v>18</v>
      </c>
      <c r="L55" s="26">
        <v>16</v>
      </c>
      <c r="M55" s="26">
        <v>0</v>
      </c>
      <c r="N55" s="26">
        <v>0</v>
      </c>
      <c r="O55" s="26">
        <v>0</v>
      </c>
      <c r="P55" s="26">
        <v>34</v>
      </c>
      <c r="Q55" s="29">
        <v>-0.17073170731707318</v>
      </c>
      <c r="R55" s="15">
        <v>65</v>
      </c>
    </row>
    <row r="56" spans="1:18">
      <c r="A56" s="38" t="s">
        <v>132</v>
      </c>
      <c r="B56" s="25">
        <v>2</v>
      </c>
      <c r="C56" s="25">
        <v>1</v>
      </c>
      <c r="D56" s="25">
        <v>0</v>
      </c>
      <c r="E56" s="25">
        <v>0</v>
      </c>
      <c r="F56" s="25">
        <v>0</v>
      </c>
      <c r="G56" s="25">
        <v>3</v>
      </c>
      <c r="H56" s="41">
        <v>0</v>
      </c>
      <c r="I56" s="24">
        <v>54</v>
      </c>
      <c r="J56" s="27"/>
      <c r="K56" s="25">
        <v>3</v>
      </c>
      <c r="L56" s="25">
        <v>0</v>
      </c>
      <c r="M56" s="25">
        <v>0</v>
      </c>
      <c r="N56" s="25">
        <v>0</v>
      </c>
      <c r="O56" s="25">
        <v>0</v>
      </c>
      <c r="P56" s="25">
        <v>3</v>
      </c>
      <c r="Q56" s="28">
        <v>0.5</v>
      </c>
      <c r="R56" s="24">
        <v>33</v>
      </c>
    </row>
    <row r="57" spans="1:18">
      <c r="A57" s="39" t="s">
        <v>134</v>
      </c>
      <c r="B57" s="26">
        <v>110</v>
      </c>
      <c r="C57" s="26">
        <v>67</v>
      </c>
      <c r="D57" s="26">
        <v>0</v>
      </c>
      <c r="E57" s="26">
        <v>0</v>
      </c>
      <c r="F57" s="26">
        <v>0</v>
      </c>
      <c r="G57" s="26">
        <v>177</v>
      </c>
      <c r="H57" s="42">
        <v>0.84375</v>
      </c>
      <c r="I57" s="15">
        <v>26</v>
      </c>
      <c r="J57" s="27"/>
      <c r="K57" s="26">
        <v>51</v>
      </c>
      <c r="L57" s="26">
        <v>45</v>
      </c>
      <c r="M57" s="26">
        <v>0</v>
      </c>
      <c r="N57" s="26">
        <v>0</v>
      </c>
      <c r="O57" s="26">
        <v>0</v>
      </c>
      <c r="P57" s="26">
        <v>96</v>
      </c>
      <c r="Q57" s="29">
        <v>1.6666666666666667</v>
      </c>
      <c r="R57" s="15">
        <v>14</v>
      </c>
    </row>
    <row r="58" spans="1:18">
      <c r="A58" s="38" t="s">
        <v>135</v>
      </c>
      <c r="B58" s="25">
        <v>2</v>
      </c>
      <c r="C58" s="25">
        <v>4</v>
      </c>
      <c r="D58" s="25">
        <v>0</v>
      </c>
      <c r="E58" s="25">
        <v>0</v>
      </c>
      <c r="F58" s="25">
        <v>0</v>
      </c>
      <c r="G58" s="25">
        <v>6</v>
      </c>
      <c r="H58" s="41">
        <v>1</v>
      </c>
      <c r="I58" s="24">
        <v>17</v>
      </c>
      <c r="J58" s="27"/>
      <c r="K58" s="25">
        <v>1</v>
      </c>
      <c r="L58" s="25">
        <v>2</v>
      </c>
      <c r="M58" s="25">
        <v>0</v>
      </c>
      <c r="N58" s="25">
        <v>0</v>
      </c>
      <c r="O58" s="25">
        <v>0</v>
      </c>
      <c r="P58" s="25">
        <v>3</v>
      </c>
      <c r="Q58" s="28">
        <v>0</v>
      </c>
      <c r="R58" s="24">
        <v>49</v>
      </c>
    </row>
    <row r="59" spans="1:18">
      <c r="A59" s="39" t="s">
        <v>136</v>
      </c>
      <c r="B59" s="26">
        <v>19</v>
      </c>
      <c r="C59" s="26">
        <v>43</v>
      </c>
      <c r="D59" s="26">
        <v>0</v>
      </c>
      <c r="E59" s="26">
        <v>0</v>
      </c>
      <c r="F59" s="26">
        <v>11</v>
      </c>
      <c r="G59" s="26">
        <v>73</v>
      </c>
      <c r="H59" s="42">
        <v>0.43137254901960786</v>
      </c>
      <c r="I59" s="15">
        <v>37</v>
      </c>
      <c r="J59" s="27"/>
      <c r="K59" s="26">
        <v>11</v>
      </c>
      <c r="L59" s="26">
        <v>29</v>
      </c>
      <c r="M59" s="26">
        <v>0</v>
      </c>
      <c r="N59" s="26">
        <v>0</v>
      </c>
      <c r="O59" s="26">
        <v>11</v>
      </c>
      <c r="P59" s="26">
        <v>51</v>
      </c>
      <c r="Q59" s="29">
        <v>0.7</v>
      </c>
      <c r="R59" s="15">
        <v>28</v>
      </c>
    </row>
    <row r="60" spans="1:18">
      <c r="A60" s="38" t="s">
        <v>137</v>
      </c>
      <c r="B60" s="25">
        <v>1</v>
      </c>
      <c r="C60" s="25">
        <v>5</v>
      </c>
      <c r="D60" s="25">
        <v>0</v>
      </c>
      <c r="E60" s="25">
        <v>0</v>
      </c>
      <c r="F60" s="25">
        <v>0</v>
      </c>
      <c r="G60" s="25">
        <v>6</v>
      </c>
      <c r="H60" s="41">
        <v>1</v>
      </c>
      <c r="I60" s="24">
        <v>17</v>
      </c>
      <c r="J60" s="27"/>
      <c r="K60" s="25">
        <v>0</v>
      </c>
      <c r="L60" s="25">
        <v>3</v>
      </c>
      <c r="M60" s="25">
        <v>0</v>
      </c>
      <c r="N60" s="25">
        <v>0</v>
      </c>
      <c r="O60" s="25">
        <v>0</v>
      </c>
      <c r="P60" s="25">
        <v>3</v>
      </c>
      <c r="Q60" s="28">
        <v>-0.4</v>
      </c>
      <c r="R60" s="24">
        <v>72</v>
      </c>
    </row>
    <row r="61" spans="1:18">
      <c r="A61" s="39" t="s">
        <v>125</v>
      </c>
      <c r="B61" s="26">
        <v>2</v>
      </c>
      <c r="C61" s="26">
        <v>14</v>
      </c>
      <c r="D61" s="26">
        <v>0</v>
      </c>
      <c r="E61" s="26">
        <v>0</v>
      </c>
      <c r="F61" s="26">
        <v>0</v>
      </c>
      <c r="G61" s="26">
        <v>16</v>
      </c>
      <c r="H61" s="42">
        <v>0.33333333333333331</v>
      </c>
      <c r="I61" s="15">
        <v>44</v>
      </c>
      <c r="J61" s="27"/>
      <c r="K61" s="26">
        <v>3</v>
      </c>
      <c r="L61" s="26">
        <v>9</v>
      </c>
      <c r="M61" s="26">
        <v>0</v>
      </c>
      <c r="N61" s="26">
        <v>0</v>
      </c>
      <c r="O61" s="26">
        <v>0</v>
      </c>
      <c r="P61" s="26">
        <v>12</v>
      </c>
      <c r="Q61" s="29">
        <v>1</v>
      </c>
      <c r="R61" s="15">
        <v>21</v>
      </c>
    </row>
    <row r="62" spans="1:18">
      <c r="A62" s="38" t="s">
        <v>126</v>
      </c>
      <c r="B62" s="25">
        <v>4</v>
      </c>
      <c r="C62" s="25">
        <v>1</v>
      </c>
      <c r="D62" s="25">
        <v>0</v>
      </c>
      <c r="E62" s="25">
        <v>0</v>
      </c>
      <c r="F62" s="25">
        <v>0</v>
      </c>
      <c r="G62" s="25">
        <v>5</v>
      </c>
      <c r="H62" s="41" t="s">
        <v>196</v>
      </c>
      <c r="I62" s="24" t="s">
        <v>197</v>
      </c>
      <c r="J62" s="27"/>
      <c r="K62" s="25">
        <v>0</v>
      </c>
      <c r="L62" s="25">
        <v>0</v>
      </c>
      <c r="M62" s="25">
        <v>0</v>
      </c>
      <c r="N62" s="25">
        <v>0</v>
      </c>
      <c r="O62" s="25">
        <v>0</v>
      </c>
      <c r="P62" s="25">
        <v>0</v>
      </c>
      <c r="Q62" s="28" t="s">
        <v>196</v>
      </c>
      <c r="R62" s="24" t="s">
        <v>197</v>
      </c>
    </row>
    <row r="63" spans="1:18">
      <c r="A63" s="39" t="s">
        <v>127</v>
      </c>
      <c r="B63" s="26">
        <v>2</v>
      </c>
      <c r="C63" s="26">
        <v>2</v>
      </c>
      <c r="D63" s="26">
        <v>0</v>
      </c>
      <c r="E63" s="26">
        <v>0</v>
      </c>
      <c r="F63" s="26">
        <v>0</v>
      </c>
      <c r="G63" s="26">
        <v>4</v>
      </c>
      <c r="H63" s="42">
        <v>0.33333333333333331</v>
      </c>
      <c r="I63" s="15">
        <v>44</v>
      </c>
      <c r="J63" s="27"/>
      <c r="K63" s="26">
        <v>0</v>
      </c>
      <c r="L63" s="26">
        <v>2</v>
      </c>
      <c r="M63" s="26">
        <v>0</v>
      </c>
      <c r="N63" s="26">
        <v>0</v>
      </c>
      <c r="O63" s="26">
        <v>1</v>
      </c>
      <c r="P63" s="26">
        <v>3</v>
      </c>
      <c r="Q63" s="29">
        <v>0</v>
      </c>
      <c r="R63" s="15">
        <v>49</v>
      </c>
    </row>
    <row r="64" spans="1:18">
      <c r="A64" s="38" t="s">
        <v>128</v>
      </c>
      <c r="B64" s="25">
        <v>1</v>
      </c>
      <c r="C64" s="25">
        <v>1</v>
      </c>
      <c r="D64" s="25">
        <v>0</v>
      </c>
      <c r="E64" s="25">
        <v>0</v>
      </c>
      <c r="F64" s="25">
        <v>0</v>
      </c>
      <c r="G64" s="25">
        <v>2</v>
      </c>
      <c r="H64" s="41">
        <v>1</v>
      </c>
      <c r="I64" s="24">
        <v>17</v>
      </c>
      <c r="J64" s="27"/>
      <c r="K64" s="25">
        <v>1</v>
      </c>
      <c r="L64" s="25">
        <v>0</v>
      </c>
      <c r="M64" s="25">
        <v>0</v>
      </c>
      <c r="N64" s="25">
        <v>0</v>
      </c>
      <c r="O64" s="25">
        <v>0</v>
      </c>
      <c r="P64" s="25">
        <v>1</v>
      </c>
      <c r="Q64" s="28">
        <v>0</v>
      </c>
      <c r="R64" s="24">
        <v>49</v>
      </c>
    </row>
    <row r="65" spans="1:18">
      <c r="A65" s="39" t="s">
        <v>138</v>
      </c>
      <c r="B65" s="26">
        <v>4</v>
      </c>
      <c r="C65" s="26">
        <v>11</v>
      </c>
      <c r="D65" s="26">
        <v>0</v>
      </c>
      <c r="E65" s="26">
        <v>0</v>
      </c>
      <c r="F65" s="26">
        <v>0</v>
      </c>
      <c r="G65" s="26">
        <v>15</v>
      </c>
      <c r="H65" s="42">
        <v>0.5</v>
      </c>
      <c r="I65" s="15">
        <v>33</v>
      </c>
      <c r="J65" s="27"/>
      <c r="K65" s="26">
        <v>3</v>
      </c>
      <c r="L65" s="26">
        <v>7</v>
      </c>
      <c r="M65" s="26">
        <v>0</v>
      </c>
      <c r="N65" s="26">
        <v>0</v>
      </c>
      <c r="O65" s="26">
        <v>0</v>
      </c>
      <c r="P65" s="26">
        <v>10</v>
      </c>
      <c r="Q65" s="29">
        <v>0.66666666666666663</v>
      </c>
      <c r="R65" s="15">
        <v>29</v>
      </c>
    </row>
    <row r="66" spans="1:18">
      <c r="A66" s="38" t="s">
        <v>139</v>
      </c>
      <c r="B66" s="25">
        <v>7</v>
      </c>
      <c r="C66" s="25">
        <v>2</v>
      </c>
      <c r="D66" s="25">
        <v>0</v>
      </c>
      <c r="E66" s="25">
        <v>0</v>
      </c>
      <c r="F66" s="25">
        <v>0</v>
      </c>
      <c r="G66" s="25">
        <v>9</v>
      </c>
      <c r="H66" s="41">
        <v>1.25</v>
      </c>
      <c r="I66" s="24">
        <v>13</v>
      </c>
      <c r="J66" s="27"/>
      <c r="K66" s="25">
        <v>3</v>
      </c>
      <c r="L66" s="25">
        <v>1</v>
      </c>
      <c r="M66" s="25">
        <v>0</v>
      </c>
      <c r="N66" s="25">
        <v>0</v>
      </c>
      <c r="O66" s="25">
        <v>0</v>
      </c>
      <c r="P66" s="25">
        <v>4</v>
      </c>
      <c r="Q66" s="28">
        <v>3</v>
      </c>
      <c r="R66" s="24">
        <v>6</v>
      </c>
    </row>
    <row r="67" spans="1:18">
      <c r="A67" s="39" t="s">
        <v>140</v>
      </c>
      <c r="B67" s="26">
        <v>4</v>
      </c>
      <c r="C67" s="26">
        <v>0</v>
      </c>
      <c r="D67" s="26">
        <v>0</v>
      </c>
      <c r="E67" s="26">
        <v>0</v>
      </c>
      <c r="F67" s="26">
        <v>0</v>
      </c>
      <c r="G67" s="26">
        <v>4</v>
      </c>
      <c r="H67" s="42" t="s">
        <v>196</v>
      </c>
      <c r="I67" s="15" t="s">
        <v>197</v>
      </c>
      <c r="J67" s="27"/>
      <c r="K67" s="26">
        <v>0</v>
      </c>
      <c r="L67" s="26">
        <v>0</v>
      </c>
      <c r="M67" s="26">
        <v>0</v>
      </c>
      <c r="N67" s="26">
        <v>0</v>
      </c>
      <c r="O67" s="26">
        <v>0</v>
      </c>
      <c r="P67" s="26">
        <v>0</v>
      </c>
      <c r="Q67" s="29" t="s">
        <v>196</v>
      </c>
      <c r="R67" s="15" t="s">
        <v>197</v>
      </c>
    </row>
    <row r="68" spans="1:18">
      <c r="A68" s="38" t="s">
        <v>141</v>
      </c>
      <c r="B68" s="25">
        <v>1</v>
      </c>
      <c r="C68" s="25">
        <v>0</v>
      </c>
      <c r="D68" s="25">
        <v>0</v>
      </c>
      <c r="E68" s="25">
        <v>1</v>
      </c>
      <c r="F68" s="25">
        <v>0</v>
      </c>
      <c r="G68" s="25">
        <v>2</v>
      </c>
      <c r="H68" s="41" t="s">
        <v>196</v>
      </c>
      <c r="I68" s="24" t="s">
        <v>197</v>
      </c>
      <c r="J68" s="27"/>
      <c r="K68" s="25">
        <v>0</v>
      </c>
      <c r="L68" s="25">
        <v>0</v>
      </c>
      <c r="M68" s="25">
        <v>0</v>
      </c>
      <c r="N68" s="25">
        <v>0</v>
      </c>
      <c r="O68" s="25">
        <v>0</v>
      </c>
      <c r="P68" s="25">
        <v>0</v>
      </c>
      <c r="Q68" s="28">
        <v>-1</v>
      </c>
      <c r="R68" s="24">
        <v>79</v>
      </c>
    </row>
    <row r="69" spans="1:18">
      <c r="A69" s="39" t="s">
        <v>142</v>
      </c>
      <c r="B69" s="26">
        <v>5</v>
      </c>
      <c r="C69" s="26">
        <v>1</v>
      </c>
      <c r="D69" s="26">
        <v>0</v>
      </c>
      <c r="E69" s="26">
        <v>0</v>
      </c>
      <c r="F69" s="26">
        <v>0</v>
      </c>
      <c r="G69" s="26">
        <v>6</v>
      </c>
      <c r="H69" s="42">
        <v>0</v>
      </c>
      <c r="I69" s="15">
        <v>54</v>
      </c>
      <c r="J69" s="27"/>
      <c r="K69" s="26">
        <v>5</v>
      </c>
      <c r="L69" s="26">
        <v>1</v>
      </c>
      <c r="M69" s="26">
        <v>0</v>
      </c>
      <c r="N69" s="26">
        <v>0</v>
      </c>
      <c r="O69" s="26">
        <v>0</v>
      </c>
      <c r="P69" s="26">
        <v>6</v>
      </c>
      <c r="Q69" s="29">
        <v>1</v>
      </c>
      <c r="R69" s="15">
        <v>21</v>
      </c>
    </row>
    <row r="70" spans="1:18">
      <c r="A70" s="38" t="s">
        <v>143</v>
      </c>
      <c r="B70" s="25">
        <v>8</v>
      </c>
      <c r="C70" s="25">
        <v>6</v>
      </c>
      <c r="D70" s="25">
        <v>1</v>
      </c>
      <c r="E70" s="25">
        <v>3</v>
      </c>
      <c r="F70" s="25">
        <v>0</v>
      </c>
      <c r="G70" s="25">
        <v>18</v>
      </c>
      <c r="H70" s="41">
        <v>1.25</v>
      </c>
      <c r="I70" s="24">
        <v>13</v>
      </c>
      <c r="J70" s="27"/>
      <c r="K70" s="25">
        <v>3</v>
      </c>
      <c r="L70" s="25">
        <v>4</v>
      </c>
      <c r="M70" s="25">
        <v>0</v>
      </c>
      <c r="N70" s="25">
        <v>1</v>
      </c>
      <c r="O70" s="25">
        <v>0</v>
      </c>
      <c r="P70" s="25">
        <v>8</v>
      </c>
      <c r="Q70" s="28">
        <v>0.33333333333333331</v>
      </c>
      <c r="R70" s="24">
        <v>38</v>
      </c>
    </row>
    <row r="71" spans="1:18">
      <c r="A71" s="39" t="s">
        <v>144</v>
      </c>
      <c r="B71" s="26">
        <v>6</v>
      </c>
      <c r="C71" s="26">
        <v>1</v>
      </c>
      <c r="D71" s="26">
        <v>0</v>
      </c>
      <c r="E71" s="26">
        <v>1</v>
      </c>
      <c r="F71" s="26">
        <v>0</v>
      </c>
      <c r="G71" s="26">
        <v>8</v>
      </c>
      <c r="H71" s="42">
        <v>-0.2</v>
      </c>
      <c r="I71" s="15">
        <v>65</v>
      </c>
      <c r="J71" s="27"/>
      <c r="K71" s="26">
        <v>6</v>
      </c>
      <c r="L71" s="26">
        <v>4</v>
      </c>
      <c r="M71" s="26">
        <v>0</v>
      </c>
      <c r="N71" s="26">
        <v>0</v>
      </c>
      <c r="O71" s="26">
        <v>0</v>
      </c>
      <c r="P71" s="26">
        <v>10</v>
      </c>
      <c r="Q71" s="29">
        <v>0.42857142857142855</v>
      </c>
      <c r="R71" s="15">
        <v>35</v>
      </c>
    </row>
    <row r="72" spans="1:18">
      <c r="A72" s="38" t="s">
        <v>145</v>
      </c>
      <c r="B72" s="25">
        <v>6</v>
      </c>
      <c r="C72" s="25">
        <v>0</v>
      </c>
      <c r="D72" s="25">
        <v>0</v>
      </c>
      <c r="E72" s="25">
        <v>0</v>
      </c>
      <c r="F72" s="25">
        <v>0</v>
      </c>
      <c r="G72" s="25">
        <v>6</v>
      </c>
      <c r="H72" s="41">
        <v>0.2</v>
      </c>
      <c r="I72" s="24">
        <v>53</v>
      </c>
      <c r="J72" s="27"/>
      <c r="K72" s="25">
        <v>3</v>
      </c>
      <c r="L72" s="25">
        <v>1</v>
      </c>
      <c r="M72" s="25">
        <v>1</v>
      </c>
      <c r="N72" s="25">
        <v>0</v>
      </c>
      <c r="O72" s="25">
        <v>0</v>
      </c>
      <c r="P72" s="25">
        <v>5</v>
      </c>
      <c r="Q72" s="28">
        <v>0</v>
      </c>
      <c r="R72" s="24">
        <v>49</v>
      </c>
    </row>
    <row r="73" spans="1:18">
      <c r="A73" s="39" t="s">
        <v>146</v>
      </c>
      <c r="B73" s="26">
        <v>13</v>
      </c>
      <c r="C73" s="26">
        <v>5</v>
      </c>
      <c r="D73" s="26">
        <v>0</v>
      </c>
      <c r="E73" s="26">
        <v>0</v>
      </c>
      <c r="F73" s="26">
        <v>0</v>
      </c>
      <c r="G73" s="26">
        <v>18</v>
      </c>
      <c r="H73" s="42">
        <v>0.63636363636363635</v>
      </c>
      <c r="I73" s="15">
        <v>29</v>
      </c>
      <c r="J73" s="27"/>
      <c r="K73" s="26">
        <v>5</v>
      </c>
      <c r="L73" s="26">
        <v>5</v>
      </c>
      <c r="M73" s="26">
        <v>1</v>
      </c>
      <c r="N73" s="26">
        <v>0</v>
      </c>
      <c r="O73" s="26">
        <v>0</v>
      </c>
      <c r="P73" s="26">
        <v>11</v>
      </c>
      <c r="Q73" s="29">
        <v>-0.26666666666666666</v>
      </c>
      <c r="R73" s="15">
        <v>69</v>
      </c>
    </row>
    <row r="74" spans="1:18">
      <c r="A74" s="38" t="s">
        <v>147</v>
      </c>
      <c r="B74" s="25">
        <v>6</v>
      </c>
      <c r="C74" s="25">
        <v>8</v>
      </c>
      <c r="D74" s="25">
        <v>1</v>
      </c>
      <c r="E74" s="25">
        <v>0</v>
      </c>
      <c r="F74" s="25">
        <v>0</v>
      </c>
      <c r="G74" s="25">
        <v>15</v>
      </c>
      <c r="H74" s="41">
        <v>0.36363636363636365</v>
      </c>
      <c r="I74" s="24">
        <v>41</v>
      </c>
      <c r="J74" s="27"/>
      <c r="K74" s="25">
        <v>5</v>
      </c>
      <c r="L74" s="25">
        <v>5</v>
      </c>
      <c r="M74" s="25">
        <v>1</v>
      </c>
      <c r="N74" s="25">
        <v>0</v>
      </c>
      <c r="O74" s="25">
        <v>0</v>
      </c>
      <c r="P74" s="25">
        <v>11</v>
      </c>
      <c r="Q74" s="28">
        <v>1.2</v>
      </c>
      <c r="R74" s="24">
        <v>18</v>
      </c>
    </row>
    <row r="75" spans="1:18">
      <c r="A75" s="39" t="s">
        <v>148</v>
      </c>
      <c r="B75" s="26">
        <v>1</v>
      </c>
      <c r="C75" s="26">
        <v>1</v>
      </c>
      <c r="D75" s="26">
        <v>0</v>
      </c>
      <c r="E75" s="26">
        <v>0</v>
      </c>
      <c r="F75" s="26">
        <v>0</v>
      </c>
      <c r="G75" s="26">
        <v>2</v>
      </c>
      <c r="H75" s="42">
        <v>-0.5</v>
      </c>
      <c r="I75" s="15">
        <v>75</v>
      </c>
      <c r="J75" s="27"/>
      <c r="K75" s="26">
        <v>4</v>
      </c>
      <c r="L75" s="26">
        <v>0</v>
      </c>
      <c r="M75" s="26">
        <v>0</v>
      </c>
      <c r="N75" s="26">
        <v>0</v>
      </c>
      <c r="O75" s="26">
        <v>0</v>
      </c>
      <c r="P75" s="26">
        <v>4</v>
      </c>
      <c r="Q75" s="29">
        <v>3</v>
      </c>
      <c r="R75" s="15">
        <v>6</v>
      </c>
    </row>
    <row r="76" spans="1:18">
      <c r="A76" s="38" t="s">
        <v>149</v>
      </c>
      <c r="B76" s="25">
        <v>7</v>
      </c>
      <c r="C76" s="25">
        <v>5</v>
      </c>
      <c r="D76" s="25">
        <v>0</v>
      </c>
      <c r="E76" s="25">
        <v>0</v>
      </c>
      <c r="F76" s="25">
        <v>0</v>
      </c>
      <c r="G76" s="25">
        <v>12</v>
      </c>
      <c r="H76" s="41">
        <v>0.33333333333333331</v>
      </c>
      <c r="I76" s="24">
        <v>44</v>
      </c>
      <c r="J76" s="27"/>
      <c r="K76" s="25">
        <v>4</v>
      </c>
      <c r="L76" s="25">
        <v>5</v>
      </c>
      <c r="M76" s="25">
        <v>0</v>
      </c>
      <c r="N76" s="25">
        <v>0</v>
      </c>
      <c r="O76" s="25">
        <v>0</v>
      </c>
      <c r="P76" s="25">
        <v>9</v>
      </c>
      <c r="Q76" s="28">
        <v>0.8</v>
      </c>
      <c r="R76" s="24">
        <v>26</v>
      </c>
    </row>
    <row r="77" spans="1:18">
      <c r="A77" s="39" t="s">
        <v>150</v>
      </c>
      <c r="B77" s="26">
        <v>0</v>
      </c>
      <c r="C77" s="26">
        <v>0</v>
      </c>
      <c r="D77" s="26">
        <v>0</v>
      </c>
      <c r="E77" s="26">
        <v>0</v>
      </c>
      <c r="F77" s="26">
        <v>0</v>
      </c>
      <c r="G77" s="26">
        <v>0</v>
      </c>
      <c r="H77" s="42" t="s">
        <v>196</v>
      </c>
      <c r="I77" s="15" t="s">
        <v>197</v>
      </c>
      <c r="J77" s="27"/>
      <c r="K77" s="26">
        <v>0</v>
      </c>
      <c r="L77" s="26">
        <v>0</v>
      </c>
      <c r="M77" s="26">
        <v>0</v>
      </c>
      <c r="N77" s="26">
        <v>0</v>
      </c>
      <c r="O77" s="26">
        <v>0</v>
      </c>
      <c r="P77" s="26">
        <v>0</v>
      </c>
      <c r="Q77" s="29" t="s">
        <v>196</v>
      </c>
      <c r="R77" s="15" t="s">
        <v>197</v>
      </c>
    </row>
    <row r="78" spans="1:18">
      <c r="A78" s="38" t="s">
        <v>151</v>
      </c>
      <c r="B78" s="25">
        <v>3</v>
      </c>
      <c r="C78" s="25">
        <v>3</v>
      </c>
      <c r="D78" s="25">
        <v>0</v>
      </c>
      <c r="E78" s="25">
        <v>0</v>
      </c>
      <c r="F78" s="25">
        <v>0</v>
      </c>
      <c r="G78" s="25">
        <v>6</v>
      </c>
      <c r="H78" s="41">
        <v>0</v>
      </c>
      <c r="I78" s="24">
        <v>54</v>
      </c>
      <c r="J78" s="27"/>
      <c r="K78" s="25">
        <v>4</v>
      </c>
      <c r="L78" s="25">
        <v>2</v>
      </c>
      <c r="M78" s="25">
        <v>0</v>
      </c>
      <c r="N78" s="25">
        <v>0</v>
      </c>
      <c r="O78" s="25">
        <v>0</v>
      </c>
      <c r="P78" s="25">
        <v>6</v>
      </c>
      <c r="Q78" s="28">
        <v>5</v>
      </c>
      <c r="R78" s="24">
        <v>3</v>
      </c>
    </row>
    <row r="79" spans="1:18">
      <c r="A79" s="39" t="s">
        <v>152</v>
      </c>
      <c r="B79" s="26">
        <v>12</v>
      </c>
      <c r="C79" s="26">
        <v>10</v>
      </c>
      <c r="D79" s="26">
        <v>0</v>
      </c>
      <c r="E79" s="26">
        <v>0</v>
      </c>
      <c r="F79" s="26">
        <v>0</v>
      </c>
      <c r="G79" s="26">
        <v>22</v>
      </c>
      <c r="H79" s="42">
        <v>0.375</v>
      </c>
      <c r="I79" s="15">
        <v>40</v>
      </c>
      <c r="J79" s="27"/>
      <c r="K79" s="26">
        <v>7</v>
      </c>
      <c r="L79" s="26">
        <v>9</v>
      </c>
      <c r="M79" s="26">
        <v>0</v>
      </c>
      <c r="N79" s="26">
        <v>0</v>
      </c>
      <c r="O79" s="26">
        <v>0</v>
      </c>
      <c r="P79" s="26">
        <v>16</v>
      </c>
      <c r="Q79" s="29">
        <v>1</v>
      </c>
      <c r="R79" s="15">
        <v>21</v>
      </c>
    </row>
    <row r="80" spans="1:18">
      <c r="A80" s="38" t="s">
        <v>153</v>
      </c>
      <c r="B80" s="25">
        <v>0</v>
      </c>
      <c r="C80" s="25">
        <v>4</v>
      </c>
      <c r="D80" s="25">
        <v>0</v>
      </c>
      <c r="E80" s="25">
        <v>0</v>
      </c>
      <c r="F80" s="25">
        <v>0</v>
      </c>
      <c r="G80" s="25">
        <v>4</v>
      </c>
      <c r="H80" s="41">
        <v>0.33333333333333331</v>
      </c>
      <c r="I80" s="24">
        <v>44</v>
      </c>
      <c r="J80" s="27"/>
      <c r="K80" s="25">
        <v>2</v>
      </c>
      <c r="L80" s="25">
        <v>1</v>
      </c>
      <c r="M80" s="25">
        <v>0</v>
      </c>
      <c r="N80" s="25">
        <v>0</v>
      </c>
      <c r="O80" s="25">
        <v>0</v>
      </c>
      <c r="P80" s="25">
        <v>3</v>
      </c>
      <c r="Q80" s="28">
        <v>2</v>
      </c>
      <c r="R80" s="24">
        <v>9</v>
      </c>
    </row>
    <row r="81" spans="1:18">
      <c r="A81" s="39" t="s">
        <v>154</v>
      </c>
      <c r="B81" s="26">
        <v>19</v>
      </c>
      <c r="C81" s="26">
        <v>16</v>
      </c>
      <c r="D81" s="26">
        <v>0</v>
      </c>
      <c r="E81" s="26">
        <v>0</v>
      </c>
      <c r="F81" s="26">
        <v>0</v>
      </c>
      <c r="G81" s="26">
        <v>35</v>
      </c>
      <c r="H81" s="42">
        <v>0.25</v>
      </c>
      <c r="I81" s="15">
        <v>50</v>
      </c>
      <c r="J81" s="27"/>
      <c r="K81" s="26">
        <v>17</v>
      </c>
      <c r="L81" s="26">
        <v>9</v>
      </c>
      <c r="M81" s="26">
        <v>2</v>
      </c>
      <c r="N81" s="26">
        <v>0</v>
      </c>
      <c r="O81" s="26">
        <v>0</v>
      </c>
      <c r="P81" s="26">
        <v>28</v>
      </c>
      <c r="Q81" s="29">
        <v>1.1538461538461537</v>
      </c>
      <c r="R81" s="15">
        <v>20</v>
      </c>
    </row>
    <row r="82" spans="1:18">
      <c r="A82" s="38" t="s">
        <v>155</v>
      </c>
      <c r="B82" s="25">
        <v>36</v>
      </c>
      <c r="C82" s="25">
        <v>68</v>
      </c>
      <c r="D82" s="25">
        <v>0</v>
      </c>
      <c r="E82" s="25">
        <v>2</v>
      </c>
      <c r="F82" s="25">
        <v>0</v>
      </c>
      <c r="G82" s="25">
        <v>106</v>
      </c>
      <c r="H82" s="41">
        <v>1.3555555555555556</v>
      </c>
      <c r="I82" s="24">
        <v>11</v>
      </c>
      <c r="J82" s="27"/>
      <c r="K82" s="25">
        <v>18</v>
      </c>
      <c r="L82" s="25">
        <v>26</v>
      </c>
      <c r="M82" s="25">
        <v>0</v>
      </c>
      <c r="N82" s="25">
        <v>1</v>
      </c>
      <c r="O82" s="25">
        <v>0</v>
      </c>
      <c r="P82" s="25">
        <v>45</v>
      </c>
      <c r="Q82" s="28">
        <v>0.45161290322580644</v>
      </c>
      <c r="R82" s="24">
        <v>34</v>
      </c>
    </row>
    <row r="83" spans="1:18">
      <c r="A83" s="39" t="s">
        <v>156</v>
      </c>
      <c r="B83" s="26">
        <v>17</v>
      </c>
      <c r="C83" s="26">
        <v>187</v>
      </c>
      <c r="D83" s="26">
        <v>0</v>
      </c>
      <c r="E83" s="26">
        <v>2</v>
      </c>
      <c r="F83" s="26">
        <v>1</v>
      </c>
      <c r="G83" s="26">
        <v>207</v>
      </c>
      <c r="H83" s="42">
        <v>0.44755244755244755</v>
      </c>
      <c r="I83" s="15">
        <v>36</v>
      </c>
      <c r="J83" s="27"/>
      <c r="K83" s="26">
        <v>20</v>
      </c>
      <c r="L83" s="26">
        <v>122</v>
      </c>
      <c r="M83" s="26">
        <v>0</v>
      </c>
      <c r="N83" s="26">
        <v>1</v>
      </c>
      <c r="O83" s="26">
        <v>0</v>
      </c>
      <c r="P83" s="26">
        <v>143</v>
      </c>
      <c r="Q83" s="29">
        <v>3.46875</v>
      </c>
      <c r="R83" s="15">
        <v>4</v>
      </c>
    </row>
    <row r="84" spans="1:18">
      <c r="A84" s="38" t="s">
        <v>157</v>
      </c>
      <c r="B84" s="25">
        <v>15</v>
      </c>
      <c r="C84" s="25">
        <v>20</v>
      </c>
      <c r="D84" s="25">
        <v>0</v>
      </c>
      <c r="E84" s="25">
        <v>0</v>
      </c>
      <c r="F84" s="25">
        <v>0</v>
      </c>
      <c r="G84" s="25">
        <v>35</v>
      </c>
      <c r="H84" s="41">
        <v>0.29629629629629628</v>
      </c>
      <c r="I84" s="24">
        <v>48</v>
      </c>
      <c r="J84" s="27"/>
      <c r="K84" s="25">
        <v>13</v>
      </c>
      <c r="L84" s="25">
        <v>13</v>
      </c>
      <c r="M84" s="25">
        <v>0</v>
      </c>
      <c r="N84" s="25">
        <v>1</v>
      </c>
      <c r="O84" s="25">
        <v>0</v>
      </c>
      <c r="P84" s="25">
        <v>27</v>
      </c>
      <c r="Q84" s="28">
        <v>0.125</v>
      </c>
      <c r="R84" s="24">
        <v>46</v>
      </c>
    </row>
    <row r="85" spans="1:18">
      <c r="A85" s="39" t="s">
        <v>158</v>
      </c>
      <c r="B85" s="26">
        <v>3</v>
      </c>
      <c r="C85" s="26">
        <v>3</v>
      </c>
      <c r="D85" s="26">
        <v>0</v>
      </c>
      <c r="E85" s="26">
        <v>0</v>
      </c>
      <c r="F85" s="26">
        <v>0</v>
      </c>
      <c r="G85" s="26">
        <v>6</v>
      </c>
      <c r="H85" s="42">
        <v>2</v>
      </c>
      <c r="I85" s="15">
        <v>6</v>
      </c>
      <c r="J85" s="27"/>
      <c r="K85" s="26">
        <v>1</v>
      </c>
      <c r="L85" s="26">
        <v>1</v>
      </c>
      <c r="M85" s="26">
        <v>0</v>
      </c>
      <c r="N85" s="26">
        <v>0</v>
      </c>
      <c r="O85" s="26">
        <v>0</v>
      </c>
      <c r="P85" s="26">
        <v>2</v>
      </c>
      <c r="Q85" s="29">
        <v>-0.5</v>
      </c>
      <c r="R85" s="15">
        <v>73</v>
      </c>
    </row>
    <row r="86" spans="1:18">
      <c r="A86" s="38" t="s">
        <v>162</v>
      </c>
      <c r="B86" s="25">
        <v>0</v>
      </c>
      <c r="C86" s="25">
        <v>0</v>
      </c>
      <c r="D86" s="25">
        <v>0</v>
      </c>
      <c r="E86" s="25">
        <v>0</v>
      </c>
      <c r="F86" s="25">
        <v>0</v>
      </c>
      <c r="G86" s="25">
        <v>0</v>
      </c>
      <c r="H86" s="40" t="s">
        <v>202</v>
      </c>
      <c r="I86" s="24" t="s">
        <v>197</v>
      </c>
      <c r="J86" s="27"/>
      <c r="K86" s="25">
        <v>0</v>
      </c>
      <c r="L86" s="25">
        <v>0</v>
      </c>
      <c r="M86" s="25">
        <v>0</v>
      </c>
      <c r="N86" s="25">
        <v>0</v>
      </c>
      <c r="O86" s="25">
        <v>0</v>
      </c>
      <c r="P86" s="25">
        <v>0</v>
      </c>
      <c r="Q86" s="28" t="s">
        <v>196</v>
      </c>
      <c r="R86" s="24" t="s">
        <v>197</v>
      </c>
    </row>
    <row r="87" spans="1:18">
      <c r="A87" s="39" t="s">
        <v>161</v>
      </c>
      <c r="B87" s="26">
        <v>0</v>
      </c>
      <c r="C87" s="26">
        <v>0</v>
      </c>
      <c r="D87" s="26">
        <v>0</v>
      </c>
      <c r="E87" s="26">
        <v>0</v>
      </c>
      <c r="F87" s="26">
        <v>0</v>
      </c>
      <c r="G87" s="26">
        <v>0</v>
      </c>
      <c r="H87" s="43" t="s">
        <v>196</v>
      </c>
      <c r="I87" s="15" t="s">
        <v>197</v>
      </c>
      <c r="J87" s="27"/>
      <c r="K87" s="26">
        <v>0</v>
      </c>
      <c r="L87" s="26">
        <v>0</v>
      </c>
      <c r="M87" s="26">
        <v>0</v>
      </c>
      <c r="N87" s="26">
        <v>0</v>
      </c>
      <c r="O87" s="26">
        <v>0</v>
      </c>
      <c r="P87" s="26">
        <v>0</v>
      </c>
      <c r="Q87" s="29" t="s">
        <v>196</v>
      </c>
      <c r="R87" s="15" t="s">
        <v>197</v>
      </c>
    </row>
    <row r="88" spans="1:18">
      <c r="A88" s="38" t="s">
        <v>159</v>
      </c>
      <c r="B88" s="25">
        <v>9</v>
      </c>
      <c r="C88" s="25">
        <v>3</v>
      </c>
      <c r="D88" s="25">
        <v>0</v>
      </c>
      <c r="E88" s="25">
        <v>1</v>
      </c>
      <c r="F88" s="25">
        <v>0</v>
      </c>
      <c r="G88" s="25">
        <v>13</v>
      </c>
      <c r="H88" s="41">
        <v>-7.1428571428571425E-2</v>
      </c>
      <c r="I88" s="24">
        <v>60</v>
      </c>
      <c r="J88" s="27"/>
      <c r="K88" s="25">
        <v>9</v>
      </c>
      <c r="L88" s="25">
        <v>5</v>
      </c>
      <c r="M88" s="25">
        <v>0</v>
      </c>
      <c r="N88" s="25">
        <v>0</v>
      </c>
      <c r="O88" s="25">
        <v>0</v>
      </c>
      <c r="P88" s="25">
        <v>14</v>
      </c>
      <c r="Q88" s="28">
        <v>0.55555555555555558</v>
      </c>
      <c r="R88" s="24">
        <v>32</v>
      </c>
    </row>
    <row r="89" spans="1:18">
      <c r="A89" s="39" t="s">
        <v>160</v>
      </c>
      <c r="B89" s="26">
        <v>2</v>
      </c>
      <c r="C89" s="26">
        <v>0</v>
      </c>
      <c r="D89" s="26">
        <v>0</v>
      </c>
      <c r="E89" s="26">
        <v>0</v>
      </c>
      <c r="F89" s="26">
        <v>0</v>
      </c>
      <c r="G89" s="26">
        <v>2</v>
      </c>
      <c r="H89" s="42">
        <v>-0.6</v>
      </c>
      <c r="I89" s="15">
        <v>78</v>
      </c>
      <c r="J89" s="27"/>
      <c r="K89" s="26">
        <v>3</v>
      </c>
      <c r="L89" s="26">
        <v>1</v>
      </c>
      <c r="M89" s="26">
        <v>0</v>
      </c>
      <c r="N89" s="26">
        <v>1</v>
      </c>
      <c r="O89" s="26">
        <v>0</v>
      </c>
      <c r="P89" s="26">
        <v>5</v>
      </c>
      <c r="Q89" s="29">
        <v>-0.16666666666666666</v>
      </c>
      <c r="R89" s="15">
        <v>64</v>
      </c>
    </row>
    <row r="90" spans="1:18">
      <c r="A90" s="38" t="s">
        <v>163</v>
      </c>
      <c r="B90" s="25">
        <v>4</v>
      </c>
      <c r="C90" s="25">
        <v>0</v>
      </c>
      <c r="D90" s="25">
        <v>0</v>
      </c>
      <c r="E90" s="25">
        <v>0</v>
      </c>
      <c r="F90" s="25">
        <v>2</v>
      </c>
      <c r="G90" s="25">
        <v>6</v>
      </c>
      <c r="H90" s="41">
        <v>0.5</v>
      </c>
      <c r="I90" s="24">
        <v>33</v>
      </c>
      <c r="J90" s="27"/>
      <c r="K90" s="25">
        <v>4</v>
      </c>
      <c r="L90" s="25">
        <v>0</v>
      </c>
      <c r="M90" s="25">
        <v>0</v>
      </c>
      <c r="N90" s="25">
        <v>0</v>
      </c>
      <c r="O90" s="25">
        <v>0</v>
      </c>
      <c r="P90" s="25">
        <v>4</v>
      </c>
      <c r="Q90" s="28">
        <v>0</v>
      </c>
      <c r="R90" s="24">
        <v>49</v>
      </c>
    </row>
    <row r="91" spans="1:18">
      <c r="A91" s="39" t="s">
        <v>164</v>
      </c>
      <c r="B91" s="26">
        <v>7</v>
      </c>
      <c r="C91" s="26">
        <v>7</v>
      </c>
      <c r="D91" s="26">
        <v>0</v>
      </c>
      <c r="E91" s="26">
        <v>0</v>
      </c>
      <c r="F91" s="26">
        <v>0</v>
      </c>
      <c r="G91" s="26">
        <v>14</v>
      </c>
      <c r="H91" s="42">
        <v>0.75</v>
      </c>
      <c r="I91" s="15">
        <v>27</v>
      </c>
      <c r="J91" s="27"/>
      <c r="K91" s="26">
        <v>6</v>
      </c>
      <c r="L91" s="26">
        <v>2</v>
      </c>
      <c r="M91" s="26">
        <v>0</v>
      </c>
      <c r="N91" s="26">
        <v>0</v>
      </c>
      <c r="O91" s="26">
        <v>0</v>
      </c>
      <c r="P91" s="26">
        <v>8</v>
      </c>
      <c r="Q91" s="29">
        <v>-0.1111111111111111</v>
      </c>
      <c r="R91" s="15">
        <v>61</v>
      </c>
    </row>
    <row r="92" spans="1:18">
      <c r="A92" s="38" t="s">
        <v>167</v>
      </c>
      <c r="B92" s="25">
        <v>2</v>
      </c>
      <c r="C92" s="25">
        <v>0</v>
      </c>
      <c r="D92" s="25">
        <v>0</v>
      </c>
      <c r="E92" s="25">
        <v>0</v>
      </c>
      <c r="F92" s="25">
        <v>0</v>
      </c>
      <c r="G92" s="25">
        <v>2</v>
      </c>
      <c r="H92" s="41">
        <v>1</v>
      </c>
      <c r="I92" s="24">
        <v>17</v>
      </c>
      <c r="J92" s="27"/>
      <c r="K92" s="25">
        <v>0</v>
      </c>
      <c r="L92" s="25">
        <v>1</v>
      </c>
      <c r="M92" s="25">
        <v>0</v>
      </c>
      <c r="N92" s="25">
        <v>0</v>
      </c>
      <c r="O92" s="25">
        <v>0</v>
      </c>
      <c r="P92" s="25">
        <v>1</v>
      </c>
      <c r="Q92" s="28">
        <v>0</v>
      </c>
      <c r="R92" s="24">
        <v>49</v>
      </c>
    </row>
    <row r="93" spans="1:18">
      <c r="A93" s="39" t="s">
        <v>168</v>
      </c>
      <c r="B93" s="26">
        <v>3</v>
      </c>
      <c r="C93" s="26">
        <v>3</v>
      </c>
      <c r="D93" s="26">
        <v>0</v>
      </c>
      <c r="E93" s="26">
        <v>0</v>
      </c>
      <c r="F93" s="26">
        <v>0</v>
      </c>
      <c r="G93" s="26">
        <v>6</v>
      </c>
      <c r="H93" s="42">
        <v>2</v>
      </c>
      <c r="I93" s="15">
        <v>6</v>
      </c>
      <c r="J93" s="27"/>
      <c r="K93" s="26">
        <v>2</v>
      </c>
      <c r="L93" s="26">
        <v>0</v>
      </c>
      <c r="M93" s="26">
        <v>0</v>
      </c>
      <c r="N93" s="26">
        <v>0</v>
      </c>
      <c r="O93" s="26">
        <v>0</v>
      </c>
      <c r="P93" s="26">
        <v>2</v>
      </c>
      <c r="Q93" s="29" t="s">
        <v>196</v>
      </c>
      <c r="R93" s="15" t="s">
        <v>197</v>
      </c>
    </row>
    <row r="94" spans="1:18">
      <c r="A94" s="38" t="s">
        <v>165</v>
      </c>
      <c r="B94" s="25">
        <v>2</v>
      </c>
      <c r="C94" s="25">
        <v>5</v>
      </c>
      <c r="D94" s="25">
        <v>0</v>
      </c>
      <c r="E94" s="25">
        <v>0</v>
      </c>
      <c r="F94" s="25">
        <v>2</v>
      </c>
      <c r="G94" s="25">
        <v>9</v>
      </c>
      <c r="H94" s="41">
        <v>3.5</v>
      </c>
      <c r="I94" s="24">
        <v>3</v>
      </c>
      <c r="J94" s="27"/>
      <c r="K94" s="25">
        <v>0</v>
      </c>
      <c r="L94" s="25">
        <v>2</v>
      </c>
      <c r="M94" s="25">
        <v>0</v>
      </c>
      <c r="N94" s="25">
        <v>0</v>
      </c>
      <c r="O94" s="25">
        <v>0</v>
      </c>
      <c r="P94" s="25">
        <v>2</v>
      </c>
      <c r="Q94" s="28">
        <v>0</v>
      </c>
      <c r="R94" s="24">
        <v>49</v>
      </c>
    </row>
    <row r="95" spans="1:18">
      <c r="A95" s="39" t="s">
        <v>166</v>
      </c>
      <c r="B95" s="26">
        <v>2</v>
      </c>
      <c r="C95" s="26">
        <v>1</v>
      </c>
      <c r="D95" s="26">
        <v>0</v>
      </c>
      <c r="E95" s="26">
        <v>0</v>
      </c>
      <c r="F95" s="26">
        <v>0</v>
      </c>
      <c r="G95" s="26">
        <v>3</v>
      </c>
      <c r="H95" s="42">
        <v>2</v>
      </c>
      <c r="I95" s="15">
        <v>6</v>
      </c>
      <c r="J95" s="27"/>
      <c r="K95" s="26">
        <v>1</v>
      </c>
      <c r="L95" s="26">
        <v>0</v>
      </c>
      <c r="M95" s="26">
        <v>0</v>
      </c>
      <c r="N95" s="26">
        <v>0</v>
      </c>
      <c r="O95" s="26">
        <v>0</v>
      </c>
      <c r="P95" s="26">
        <v>1</v>
      </c>
      <c r="Q95" s="29">
        <v>-0.75</v>
      </c>
      <c r="R95" s="15">
        <v>77</v>
      </c>
    </row>
    <row r="96" spans="1:18">
      <c r="A96" s="38" t="s">
        <v>169</v>
      </c>
      <c r="B96" s="25">
        <v>0</v>
      </c>
      <c r="C96" s="25">
        <v>3</v>
      </c>
      <c r="D96" s="25">
        <v>0</v>
      </c>
      <c r="E96" s="25">
        <v>0</v>
      </c>
      <c r="F96" s="25">
        <v>0</v>
      </c>
      <c r="G96" s="25">
        <v>3</v>
      </c>
      <c r="H96" s="41" t="s">
        <v>196</v>
      </c>
      <c r="I96" s="24" t="s">
        <v>197</v>
      </c>
      <c r="J96" s="27"/>
      <c r="K96" s="25">
        <v>0</v>
      </c>
      <c r="L96" s="25">
        <v>0</v>
      </c>
      <c r="M96" s="25">
        <v>0</v>
      </c>
      <c r="N96" s="25">
        <v>0</v>
      </c>
      <c r="O96" s="25">
        <v>0</v>
      </c>
      <c r="P96" s="25">
        <v>0</v>
      </c>
      <c r="Q96" s="28">
        <v>-1</v>
      </c>
      <c r="R96" s="24">
        <v>79</v>
      </c>
    </row>
    <row r="97" spans="1:18">
      <c r="A97" s="39" t="s">
        <v>67</v>
      </c>
      <c r="B97" s="26">
        <v>827</v>
      </c>
      <c r="C97" s="26">
        <v>1050</v>
      </c>
      <c r="D97" s="26">
        <v>6</v>
      </c>
      <c r="E97" s="26">
        <v>20</v>
      </c>
      <c r="F97" s="26">
        <v>64</v>
      </c>
      <c r="G97" s="26">
        <v>1967</v>
      </c>
      <c r="H97" s="44"/>
      <c r="I97" s="15"/>
      <c r="J97" s="27"/>
      <c r="K97" s="26">
        <v>573</v>
      </c>
      <c r="L97" s="26">
        <v>723</v>
      </c>
      <c r="M97" s="26">
        <v>6</v>
      </c>
      <c r="N97" s="26">
        <v>14</v>
      </c>
      <c r="O97" s="26">
        <v>20</v>
      </c>
      <c r="P97" s="26">
        <v>1336</v>
      </c>
      <c r="Q97" s="37"/>
      <c r="R97" s="15"/>
    </row>
    <row r="98" spans="1:18">
      <c r="A98" s="9"/>
      <c r="B98" s="7"/>
      <c r="C98" s="7"/>
      <c r="D98" s="7"/>
      <c r="E98" s="7"/>
      <c r="F98" s="7"/>
      <c r="G98" s="7"/>
      <c r="H98" s="45"/>
      <c r="I98" s="7"/>
      <c r="J98" s="15"/>
      <c r="K98" s="7"/>
      <c r="L98" s="7"/>
      <c r="M98" s="7"/>
      <c r="N98" s="7"/>
      <c r="O98" s="7"/>
      <c r="P98" s="7"/>
      <c r="Q98" s="7"/>
      <c r="R98" s="7"/>
    </row>
    <row r="99" spans="1:18">
      <c r="A99" s="11"/>
      <c r="B99" s="10"/>
      <c r="C99" s="10"/>
      <c r="D99" s="10"/>
      <c r="E99" s="10"/>
      <c r="F99" s="10"/>
      <c r="G99" s="10"/>
      <c r="H99" s="46"/>
      <c r="I99" s="10"/>
      <c r="J99" s="15"/>
      <c r="K99" s="10"/>
      <c r="L99" s="10"/>
      <c r="M99" s="10"/>
      <c r="N99" s="10"/>
      <c r="O99" s="10"/>
      <c r="P99" s="10"/>
      <c r="Q99" s="10"/>
      <c r="R99" s="10"/>
    </row>
    <row r="100" spans="1:18">
      <c r="A100" s="11"/>
      <c r="B100" s="10"/>
      <c r="C100" s="10"/>
      <c r="D100" s="10"/>
      <c r="E100" s="10"/>
      <c r="F100" s="10"/>
      <c r="G100" s="10"/>
      <c r="H100" s="46"/>
      <c r="I100" s="10"/>
      <c r="J100" s="15"/>
      <c r="K100" s="10"/>
      <c r="L100" s="10"/>
      <c r="M100" s="10"/>
      <c r="N100" s="10"/>
      <c r="O100" s="10"/>
      <c r="P100" s="10"/>
      <c r="Q100" s="10"/>
      <c r="R100" s="10"/>
    </row>
  </sheetData>
  <mergeCells count="5">
    <mergeCell ref="A2:A3"/>
    <mergeCell ref="B2:I2"/>
    <mergeCell ref="K2:R2"/>
    <mergeCell ref="B1:I1"/>
    <mergeCell ref="K1:R1"/>
  </mergeCells>
  <pageMargins left="0.7" right="0.7" top="0.75" bottom="0.75" header="0.3" footer="0.3"/>
  <drawing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7758295-00FE-4463-AC81-0DDBEE82652C}">
  <dimension ref="A1:B10"/>
  <sheetViews>
    <sheetView workbookViewId="0">
      <pane ySplit="3" topLeftCell="A4" activePane="bottomLeft" state="frozen"/>
      <selection pane="bottomLeft" activeCell="B1" sqref="B1"/>
    </sheetView>
  </sheetViews>
  <sheetFormatPr defaultRowHeight="14.5"/>
  <cols>
    <col min="1" max="1" width="9.1796875" style="15"/>
    <col min="2" max="2" width="150.7265625" style="15" customWidth="1"/>
  </cols>
  <sheetData>
    <row r="1" spans="1:2" ht="50.15" customHeight="1">
      <c r="A1" s="22"/>
      <c r="B1" s="22"/>
    </row>
    <row r="2" spans="1:2" ht="15.5">
      <c r="A2" s="3"/>
      <c r="B2" s="3" t="s">
        <v>70</v>
      </c>
    </row>
    <row r="3" spans="1:2" ht="15.5">
      <c r="A3" s="3"/>
      <c r="B3" s="3"/>
    </row>
    <row r="4" spans="1:2">
      <c r="A4" s="4"/>
      <c r="B4" s="6" t="s">
        <v>71</v>
      </c>
    </row>
    <row r="5" spans="1:2">
      <c r="B5" s="6"/>
    </row>
    <row r="6" spans="1:2">
      <c r="B6" s="5" t="s">
        <v>179</v>
      </c>
    </row>
    <row r="8" spans="1:2">
      <c r="B8" s="5" t="s">
        <v>177</v>
      </c>
    </row>
    <row r="9" spans="1:2">
      <c r="B9" s="6" t="s">
        <v>178</v>
      </c>
    </row>
    <row r="10" spans="1:2">
      <c r="B10" s="14" t="s">
        <v>176</v>
      </c>
    </row>
  </sheetData>
  <sheetProtection algorithmName="SHA-512" hashValue="Qtx6lODu7rXNuVQnxt0UoCG+itHlkElB1ZkXbvXx1008CVyudslgHnHRMdyaUfzJtMs+Jek5LWQorhFOEsAHZw==" saltValue="rqNi4GleRQ0aJbkv6b7FHA==" spinCount="100000" sheet="1" objects="1" scenarios="1"/>
  <pageMargins left="0.7" right="0.7" top="0.75" bottom="0.75" header="0.3" footer="0.3"/>
  <drawing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4</vt:i4>
      </vt:variant>
    </vt:vector>
  </HeadingPairs>
  <TitlesOfParts>
    <vt:vector size="4" baseType="lpstr">
      <vt:lpstr>Filings by State</vt:lpstr>
      <vt:lpstr>Filings by District</vt:lpstr>
      <vt:lpstr>Commercial Filings by District</vt:lpstr>
      <vt:lpstr>Definitio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dim Zhernokleyev</dc:creator>
  <cp:lastModifiedBy>Sagar S. Babaleshwar</cp:lastModifiedBy>
  <dcterms:created xsi:type="dcterms:W3CDTF">2014-11-05T01:58:44Z</dcterms:created>
  <dcterms:modified xsi:type="dcterms:W3CDTF">2024-03-06T02:01:32Z</dcterms:modified>
</cp:coreProperties>
</file>